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C:\Users\s005586\Downloads\"/>
    </mc:Choice>
  </mc:AlternateContent>
  <xr:revisionPtr revIDLastSave="0" documentId="8_{1133A09E-F180-42B6-961E-1417B2295AB1}" xr6:coauthVersionLast="47" xr6:coauthVersionMax="47" xr10:uidLastSave="{00000000-0000-0000-0000-000000000000}"/>
  <bookViews>
    <workbookView xWindow="-120" yWindow="-16320" windowWidth="29040" windowHeight="15720" xr2:uid="{7B685B45-D278-4FE4-B375-275E25A6EFF5}"/>
  </bookViews>
  <sheets>
    <sheet name="別紙１－１" sheetId="1" r:id="rId1"/>
    <sheet name="備考（1）" sheetId="2"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56" uniqueCount="111">
  <si>
    <t>（別紙１－１）</t>
    <rPh sb="1" eb="3">
      <t>ベッシ</t>
    </rPh>
    <phoneticPr fontId="3"/>
  </si>
  <si>
    <t>介 護 給 付 費 算 定 に 係 る 体 制 等 状 況 一 覧 表（居宅サービス・施設サービス・居宅介護支援）</t>
    <rPh sb="36" eb="38">
      <t>キョタクシ</t>
    </rPh>
    <rPh sb="43" eb="45">
      <t>シセツキ</t>
    </rPh>
    <rPh sb="50" eb="52">
      <t>キョタクカ</t>
    </rPh>
    <rPh sb="52" eb="54">
      <t>カイゴシ</t>
    </rPh>
    <rPh sb="54" eb="56">
      <t>シエン</t>
    </rPh>
    <phoneticPr fontId="3"/>
  </si>
  <si>
    <t>事 業 所 番 号</t>
  </si>
  <si>
    <t>提供サービス</t>
  </si>
  <si>
    <t>施設等の区分</t>
  </si>
  <si>
    <t>人員配置区分</t>
  </si>
  <si>
    <t>そ　 　　の　 　　他　　 　該　　 　当　　 　す 　　　る 　　　体 　　　制 　　　等</t>
  </si>
  <si>
    <t>LIFEへの登録</t>
    <rPh sb="6" eb="8">
      <t>トウロク</t>
    </rPh>
    <phoneticPr fontId="3"/>
  </si>
  <si>
    <t>割 引</t>
  </si>
  <si>
    <t>各サービス共通</t>
  </si>
  <si>
    <t>地域区分</t>
  </si>
  <si>
    <t>□</t>
  </si>
  <si>
    <t>１　１級地</t>
  </si>
  <si>
    <t>６　２級地</t>
  </si>
  <si>
    <t>７　３級地</t>
  </si>
  <si>
    <t>２　４級地</t>
  </si>
  <si>
    <t>３　５級地</t>
  </si>
  <si>
    <t>４　６級地</t>
  </si>
  <si>
    <t>９　７級地</t>
  </si>
  <si>
    <t>５　その他</t>
  </si>
  <si>
    <t>ケアプランデータ連携システムの活用及び事務職員の配置の体制</t>
    <rPh sb="8" eb="10">
      <t>レンケイカ</t>
    </rPh>
    <rPh sb="15" eb="17">
      <t>カツヨウオ</t>
    </rPh>
    <rPh sb="17" eb="18">
      <t>オヨジ</t>
    </rPh>
    <rPh sb="19" eb="21">
      <t>ジムシ</t>
    </rPh>
    <rPh sb="21" eb="23">
      <t>ショクインハ</t>
    </rPh>
    <rPh sb="24" eb="26">
      <t>ハイチタ</t>
    </rPh>
    <rPh sb="27" eb="29">
      <t>タイセイ</t>
    </rPh>
    <phoneticPr fontId="3"/>
  </si>
  <si>
    <t>１ なし</t>
  </si>
  <si>
    <t>２ あり</t>
  </si>
  <si>
    <t>１　なし</t>
  </si>
  <si>
    <t>２　あり</t>
  </si>
  <si>
    <t>特別地域加算</t>
  </si>
  <si>
    <t>中山間地域等における小規模事業所
加算（地域に関する状況）</t>
    <rPh sb="0" eb="1">
      <t>チュウサ</t>
    </rPh>
    <rPh sb="1" eb="3">
      <t>サンカンチ</t>
    </rPh>
    <rPh sb="3" eb="5">
      <t>チイキト</t>
    </rPh>
    <rPh sb="5" eb="6">
      <t>トウシ</t>
    </rPh>
    <rPh sb="10" eb="13">
      <t>ショウキボジ</t>
    </rPh>
    <rPh sb="13" eb="16">
      <t>ジギョウショカ</t>
    </rPh>
    <rPh sb="17" eb="19">
      <t>カサンチ</t>
    </rPh>
    <rPh sb="20" eb="22">
      <t>チイキカ</t>
    </rPh>
    <rPh sb="23" eb="24">
      <t>カンジ</t>
    </rPh>
    <rPh sb="26" eb="28">
      <t>ジョウキョウ</t>
    </rPh>
    <phoneticPr fontId="3"/>
  </si>
  <si>
    <t>１　非該当</t>
  </si>
  <si>
    <t>２　該当</t>
  </si>
  <si>
    <t>居宅介護支援</t>
  </si>
  <si>
    <t>中山間地域等における小規模事業所
加算（規模に関する状況）</t>
    <rPh sb="0" eb="1">
      <t>チュウサ</t>
    </rPh>
    <rPh sb="1" eb="3">
      <t>サンカンチ</t>
    </rPh>
    <rPh sb="3" eb="5">
      <t>チイキト</t>
    </rPh>
    <rPh sb="5" eb="6">
      <t>トウシ</t>
    </rPh>
    <rPh sb="10" eb="13">
      <t>ショウキボジ</t>
    </rPh>
    <rPh sb="13" eb="16">
      <t>ジギョウショカ</t>
    </rPh>
    <rPh sb="17" eb="19">
      <t>カサンキ</t>
    </rPh>
    <rPh sb="20" eb="22">
      <t>キボカ</t>
    </rPh>
    <rPh sb="23" eb="24">
      <t>カンジ</t>
    </rPh>
    <rPh sb="26" eb="28">
      <t>ジョウキョウ</t>
    </rPh>
    <phoneticPr fontId="3"/>
  </si>
  <si>
    <t>特定事業所集中減算</t>
    <rPh sb="0" eb="2">
      <t>トクテイジ</t>
    </rPh>
    <rPh sb="2" eb="5">
      <t>ジギョウショシ</t>
    </rPh>
    <rPh sb="5" eb="7">
      <t>シュウチュウゲ</t>
    </rPh>
    <rPh sb="7" eb="9">
      <t>ゲンサン</t>
    </rPh>
    <phoneticPr fontId="3"/>
  </si>
  <si>
    <t>特定事業所加算</t>
    <rPh sb="2" eb="5">
      <t>ジギョウショカ</t>
    </rPh>
    <rPh sb="5" eb="7">
      <t>カサン</t>
    </rPh>
    <phoneticPr fontId="3"/>
  </si>
  <si>
    <t>２ 加算Ⅰ</t>
  </si>
  <si>
    <t>３ 加算Ⅱ</t>
  </si>
  <si>
    <t>４ 加算Ⅲ</t>
  </si>
  <si>
    <t>５ 加算Ａ</t>
  </si>
  <si>
    <t>特定事業所医療介護連携加算</t>
    <rPh sb="0" eb="5">
      <t>トクテイジギョウショ</t>
    </rPh>
    <phoneticPr fontId="3"/>
  </si>
  <si>
    <t>ターミナルケアマネジメント加算</t>
    <rPh sb="13" eb="15">
      <t>カサン</t>
    </rPh>
    <phoneticPr fontId="3"/>
  </si>
  <si>
    <t>介護職員等処遇改善加算</t>
  </si>
  <si>
    <t>備考　１　この表は、事業所所在地以外の場所で一部事業を実施する出張所等がある場合について記載することとし、複数出張所等を有する場合は出張所ごとに提出してください。</t>
  </si>
  <si>
    <t>備考　（別紙１）居宅サービス・施設サービス・居宅介護支援</t>
    <rPh sb="0" eb="2">
      <t>ビコウキ</t>
    </rPh>
    <rPh sb="8" eb="10">
      <t>キョタクシ</t>
    </rPh>
    <rPh sb="15" eb="17">
      <t>シセツキ</t>
    </rPh>
    <rPh sb="22" eb="24">
      <t>キョタクカ</t>
    </rPh>
    <rPh sb="24" eb="26">
      <t>カイゴシ</t>
    </rPh>
    <rPh sb="26" eb="28">
      <t>シエン</t>
    </rPh>
    <phoneticPr fontId="3"/>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ラ</t>
    </rPh>
    <rPh sb="100" eb="101">
      <t>ランヨ</t>
    </rPh>
    <rPh sb="129" eb="130">
      <t>ヨコ</t>
    </rPh>
    <phoneticPr fontId="3"/>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t>
    <rPh sb="5" eb="7">
      <t>カイゴロ</t>
    </rPh>
    <rPh sb="7" eb="9">
      <t>ロウジンホ</t>
    </rPh>
    <rPh sb="9" eb="11">
      <t>ホケンシ</t>
    </rPh>
    <rPh sb="11" eb="13">
      <t>シセツシ</t>
    </rPh>
    <rPh sb="18" eb="20">
      <t>シセツト</t>
    </rPh>
    <rPh sb="20" eb="21">
      <t>トウク</t>
    </rPh>
    <rPh sb="22" eb="24">
      <t>クブンオ</t>
    </rPh>
    <rPh sb="25" eb="26">
      <t>オヨザ</t>
    </rPh>
    <rPh sb="28" eb="30">
      <t>ザイタクフ</t>
    </rPh>
    <rPh sb="30" eb="32">
      <t>フッキザ</t>
    </rPh>
    <rPh sb="33" eb="35">
      <t>ザイタクリ</t>
    </rPh>
    <rPh sb="35" eb="37">
      <t>リョウヨウシ</t>
    </rPh>
    <rPh sb="37" eb="39">
      <t>シエンキ</t>
    </rPh>
    <rPh sb="39" eb="41">
      <t>キノウカ</t>
    </rPh>
    <rPh sb="41" eb="43">
      <t>カサンカ</t>
    </rPh>
    <rPh sb="56" eb="58">
      <t>カイゴロ</t>
    </rPh>
    <rPh sb="58" eb="60">
      <t>ロウジンホ</t>
    </rPh>
    <rPh sb="60" eb="62">
      <t>ホケンシ</t>
    </rPh>
    <rPh sb="62" eb="64">
      <t>シセツキ</t>
    </rPh>
    <rPh sb="65" eb="68">
      <t>キホンガタザ</t>
    </rPh>
    <rPh sb="69" eb="71">
      <t>ザイタクキ</t>
    </rPh>
    <rPh sb="71" eb="73">
      <t>キョウカガ</t>
    </rPh>
    <rPh sb="73" eb="74">
      <t>ガタキ</t>
    </rPh>
    <rPh sb="76" eb="78">
      <t>キホンシ</t>
    </rPh>
    <rPh sb="78" eb="80">
      <t>シセツヒ</t>
    </rPh>
    <rPh sb="84" eb="85">
      <t>ヒオ</t>
    </rPh>
    <rPh sb="85" eb="86">
      <t>オヨザ</t>
    </rPh>
    <rPh sb="87" eb="89">
      <t>ザイタクフ</t>
    </rPh>
    <rPh sb="89" eb="91">
      <t>フッキザ</t>
    </rPh>
    <rPh sb="92" eb="94">
      <t>ザイタクリ</t>
    </rPh>
    <rPh sb="94" eb="96">
      <t>リョウヨウシ</t>
    </rPh>
    <rPh sb="96" eb="98">
      <t>シエンキ</t>
    </rPh>
    <rPh sb="98" eb="100">
      <t>キノウカ</t>
    </rPh>
    <rPh sb="100" eb="102">
      <t>カサンカ</t>
    </rPh>
    <rPh sb="103" eb="104">
      <t>カカト</t>
    </rPh>
    <rPh sb="105" eb="107">
      <t>トドケデ</t>
    </rPh>
    <phoneticPr fontId="3"/>
  </si>
  <si>
    <t>　　　　（令和６年９月サービス提供分までは別紙29、令和６年10月サービス提供分以降は別紙29－2）又は「介護老人保健施設（療養型）の基本施設サービス費及び療養体制維持特別加算（Ⅱ）に係る届出」（別紙29－3）を添付してください。</t>
    <rPh sb="5" eb="7">
      <t>レイワネ</t>
    </rPh>
    <rPh sb="8" eb="9">
      <t>ネンガ</t>
    </rPh>
    <rPh sb="10" eb="11">
      <t>ガツテ</t>
    </rPh>
    <rPh sb="15" eb="18">
      <t>テイキョウブンレ</t>
    </rPh>
    <rPh sb="26" eb="28">
      <t>レイワネ</t>
    </rPh>
    <rPh sb="29" eb="30">
      <t>ネンガ</t>
    </rPh>
    <rPh sb="32" eb="33">
      <t>ガツテ</t>
    </rPh>
    <rPh sb="37" eb="40">
      <t>テイキョウブンイ</t>
    </rPh>
    <rPh sb="40" eb="42">
      <t>イコウベ</t>
    </rPh>
    <rPh sb="43" eb="45">
      <t>ベッシオ</t>
    </rPh>
    <rPh sb="76" eb="77">
      <t>オヨリ</t>
    </rPh>
    <rPh sb="78" eb="80">
      <t>リョウヨウタ</t>
    </rPh>
    <rPh sb="80" eb="82">
      <t>タイセイイ</t>
    </rPh>
    <rPh sb="82" eb="84">
      <t>イジト</t>
    </rPh>
    <rPh sb="84" eb="86">
      <t>トクベツカ</t>
    </rPh>
    <rPh sb="86" eb="88">
      <t>カサン</t>
    </rPh>
    <phoneticPr fontId="3"/>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別紙29－4）を添付してください。</t>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3"/>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テ</t>
    </rPh>
    <rPh sb="40" eb="42">
      <t>テイキョウオ</t>
    </rPh>
    <rPh sb="43" eb="44">
      <t>オコナバ</t>
    </rPh>
    <rPh sb="45" eb="47">
      <t>バアイベ</t>
    </rPh>
    <rPh sb="91" eb="93">
      <t>ベッシテ</t>
    </rPh>
    <rPh sb="97" eb="99">
      <t>テンプ</t>
    </rPh>
    <phoneticPr fontId="3"/>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si>
  <si>
    <t>　　　　（別紙8）を添付して下さい。</t>
  </si>
  <si>
    <t>　　　８　人員配置に係る届出については、勤務体制がわかる書類（「従業者の勤務の体制及び勤務形態一覧表」（別紙７）又はこれに準じた勤務割表等）を添付してください。</t>
  </si>
  <si>
    <t>　　　９ 「割引｣を｢あり｣と記載する場合は「指定居宅サービス事業所等による介護給付費の割引に係る割引率の設定について」（別紙５）を添付してください。</t>
    <rPh sb="33" eb="34">
      <t>ショ</t>
    </rPh>
    <phoneticPr fontId="3"/>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セ</t>
    </rPh>
    <rPh sb="10" eb="12">
      <t>センモンカ</t>
    </rPh>
    <rPh sb="14" eb="16">
      <t>カサンニ</t>
    </rPh>
    <rPh sb="24" eb="27">
      <t>ニンチショウセ</t>
    </rPh>
    <rPh sb="27" eb="29">
      <t>センモンカ</t>
    </rPh>
    <rPh sb="31" eb="33">
      <t>カサン</t>
    </rPh>
    <phoneticPr fontId="3"/>
  </si>
  <si>
    <t>　　　　　また、「認知症チームケア推進加算」については、「認知症チームケア推進加算に係る届出書」（別紙42）を添付してください。</t>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si>
  <si>
    <t>　　　12 「看護体制強化加算」については、「看護体制強化加算に係る届出書」（別紙19）を添付してください。</t>
  </si>
  <si>
    <t>　　　13「その他該当する体制等」欄で人員配置に係る加算（減算）の届出については、それぞれ加算（減算）の要件となる職員の配置状況や勤務体制がわかる書類を添付してください。</t>
  </si>
  <si>
    <t>　　　　　　（例）－「機能訓練指導体制」…機能訓練指導員、「リハビリテーションの加算状況」…リハビリテーション従事者、</t>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si>
  <si>
    <t>　　　15 「生活相談員配置等加算」については、「生活相談員配置等加算に係る届出書」（別紙21）を添付してください。</t>
  </si>
  <si>
    <t>　　　16 　「入浴介助加算」については、「浴室の平面図等」及び入浴介助加算（Ⅰ）の要件である研修を実施または、実施することが分かる資料等を添付してください。</t>
  </si>
  <si>
    <t>　　　17 「中重度者ケア体制加算」については、「中重度者ケア体制加算に係る届出書」（別紙22）及び「利用者の割合に関する計算書」（別紙22-2）を添付してください。</t>
    <rPh sb="7" eb="11">
      <t>チュウジュウドシャタ</t>
    </rPh>
    <rPh sb="13" eb="15">
      <t>タイセイカ</t>
    </rPh>
    <rPh sb="15" eb="17">
      <t>カサンチ</t>
    </rPh>
    <rPh sb="25" eb="29">
      <t>チュウジュウドシャタ</t>
    </rPh>
    <rPh sb="31" eb="33">
      <t>タイセイカ</t>
    </rPh>
    <rPh sb="33" eb="35">
      <t>カサンオ</t>
    </rPh>
    <rPh sb="48" eb="49">
      <t>オヨベ</t>
    </rPh>
    <rPh sb="66" eb="68">
      <t>ベッシ</t>
    </rPh>
    <phoneticPr fontId="3"/>
  </si>
  <si>
    <t>　　　18 「認知症加算」については、「認知症加算に係る届出書」（別紙23）及び「利用者の割合に関する計算書」（別紙23-2）を添付してください。</t>
    <rPh sb="7" eb="10">
      <t>ニンチショウニ</t>
    </rPh>
    <rPh sb="20" eb="23">
      <t>ニンチショウオ</t>
    </rPh>
    <rPh sb="38" eb="39">
      <t>オヨベ</t>
    </rPh>
    <rPh sb="56" eb="58">
      <t>ベッシ</t>
    </rPh>
    <phoneticPr fontId="3"/>
  </si>
  <si>
    <t>　　　19 「栄養ケア・マネジメントの実施の有無」及び「栄養マネジメント強化体制」については、「栄養マネジメント体制に関する届出書」（別紙38）を添付してください。</t>
    <rPh sb="25" eb="26">
      <t>オヨエ</t>
    </rPh>
    <rPh sb="28" eb="30">
      <t>エイヨウキ</t>
    </rPh>
    <rPh sb="36" eb="38">
      <t>キョウカタ</t>
    </rPh>
    <rPh sb="38" eb="40">
      <t>タイセイエ</t>
    </rPh>
    <rPh sb="48" eb="50">
      <t>エイヨウタ</t>
    </rPh>
    <rPh sb="56" eb="58">
      <t>タイセイカ</t>
    </rPh>
    <rPh sb="59" eb="60">
      <t>カント</t>
    </rPh>
    <rPh sb="62" eb="64">
      <t>トドケデシ</t>
    </rPh>
    <rPh sb="64" eb="65">
      <t>ショベ</t>
    </rPh>
    <rPh sb="67" eb="69">
      <t>ベッシテ</t>
    </rPh>
    <rPh sb="73" eb="75">
      <t>テンプ</t>
    </rPh>
    <phoneticPr fontId="3"/>
  </si>
  <si>
    <t>　　　20 「送迎体制」については、実際に利用者の送迎が可能な場合に記載してください。</t>
  </si>
  <si>
    <t>　　　21 「夜間看護体制加算」については、「夜間看護体制加算に係る届出書」（別紙33）を添付してください。</t>
    <rPh sb="7" eb="9">
      <t>ヤカンカ</t>
    </rPh>
    <rPh sb="9" eb="11">
      <t>カンゴタ</t>
    </rPh>
    <rPh sb="11" eb="13">
      <t>タイセイカ</t>
    </rPh>
    <rPh sb="13" eb="15">
      <t>カサンヤ</t>
    </rPh>
    <rPh sb="23" eb="25">
      <t>ヤカンカ</t>
    </rPh>
    <rPh sb="25" eb="27">
      <t>カンゴタ</t>
    </rPh>
    <rPh sb="27" eb="29">
      <t>タイセイカ</t>
    </rPh>
    <rPh sb="29" eb="31">
      <t>カサンカ</t>
    </rPh>
    <rPh sb="32" eb="33">
      <t>カカト</t>
    </rPh>
    <rPh sb="34" eb="37">
      <t>トドケデショベ</t>
    </rPh>
    <rPh sb="39" eb="41">
      <t>ベッシテ</t>
    </rPh>
    <rPh sb="45" eb="47">
      <t>テンプ</t>
    </rPh>
    <phoneticPr fontId="3"/>
  </si>
  <si>
    <t>　　　22 「看護体制加算（短期入所生活介護事業所）」については、「看護体制加算に係る届出書」（別紙25）を添付してください。</t>
    <rPh sb="7" eb="9">
      <t>カンゴタ</t>
    </rPh>
    <rPh sb="9" eb="11">
      <t>タイセイカ</t>
    </rPh>
    <rPh sb="11" eb="13">
      <t>カサンタ</t>
    </rPh>
    <rPh sb="14" eb="16">
      <t>タンキニ</t>
    </rPh>
    <rPh sb="16" eb="18">
      <t>ニュウショセ</t>
    </rPh>
    <rPh sb="18" eb="20">
      <t>セイカツカ</t>
    </rPh>
    <rPh sb="20" eb="22">
      <t>カイゴジ</t>
    </rPh>
    <rPh sb="22" eb="25">
      <t>ジギョウショカ</t>
    </rPh>
    <rPh sb="34" eb="36">
      <t>カンゴタ</t>
    </rPh>
    <rPh sb="36" eb="38">
      <t>タイセイカ</t>
    </rPh>
    <rPh sb="38" eb="40">
      <t>カサンカ</t>
    </rPh>
    <rPh sb="41" eb="42">
      <t>カカト</t>
    </rPh>
    <rPh sb="43" eb="46">
      <t>トドケデショベ</t>
    </rPh>
    <rPh sb="48" eb="50">
      <t>ベッシテ</t>
    </rPh>
    <rPh sb="54" eb="56">
      <t>テンプ</t>
    </rPh>
    <phoneticPr fontId="3"/>
  </si>
  <si>
    <t>　　　23 「看護体制加算」については、「看護体制加算に係る届出書」（別紙25-2）を、「看取り介護体制」については、「看取り介護体制に係る届出書」（別紙34）を、</t>
    <rPh sb="7" eb="9">
      <t>カンゴタ</t>
    </rPh>
    <rPh sb="9" eb="11">
      <t>タイセイカ</t>
    </rPh>
    <rPh sb="11" eb="13">
      <t>カサンカ</t>
    </rPh>
    <rPh sb="21" eb="23">
      <t>カンゴタ</t>
    </rPh>
    <rPh sb="23" eb="25">
      <t>タイセイカ</t>
    </rPh>
    <rPh sb="25" eb="27">
      <t>カサンカ</t>
    </rPh>
    <rPh sb="28" eb="29">
      <t>カカト</t>
    </rPh>
    <rPh sb="30" eb="33">
      <t>トドケデショベ</t>
    </rPh>
    <rPh sb="35" eb="37">
      <t>ベッシミ</t>
    </rPh>
    <rPh sb="45" eb="47">
      <t>ミトカ</t>
    </rPh>
    <rPh sb="48" eb="50">
      <t>カイゴタ</t>
    </rPh>
    <rPh sb="50" eb="52">
      <t>タイセイミ</t>
    </rPh>
    <rPh sb="60" eb="62">
      <t>ミトカ</t>
    </rPh>
    <rPh sb="63" eb="65">
      <t>カイゴタ</t>
    </rPh>
    <rPh sb="65" eb="67">
      <t>タイセイカ</t>
    </rPh>
    <rPh sb="68" eb="69">
      <t>カカト</t>
    </rPh>
    <rPh sb="70" eb="72">
      <t>トドケデシ</t>
    </rPh>
    <rPh sb="72" eb="73">
      <t>ショベ</t>
    </rPh>
    <rPh sb="75" eb="77">
      <t>ベッシ</t>
    </rPh>
    <phoneticPr fontId="3"/>
  </si>
  <si>
    <t>　　　　「看取り介護加算」については、「看取り介護体制に係る届出書」（別紙34-2）を添付してください。</t>
  </si>
  <si>
    <t>　　　　　また、「看取り連携体制加算」については、「看取り連携体制加算に係る届出書」（別紙13）を添付してください。</t>
  </si>
  <si>
    <t>　　　24 「医療連携強化加算」については、「医療連携強化加算に係る届出書」（別紙26）を添付してください。</t>
    <rPh sb="7" eb="9">
      <t>イリョウレ</t>
    </rPh>
    <rPh sb="9" eb="11">
      <t>レンケイキ</t>
    </rPh>
    <rPh sb="11" eb="13">
      <t>キョウカイ</t>
    </rPh>
    <rPh sb="23" eb="25">
      <t>イリョウレ</t>
    </rPh>
    <rPh sb="25" eb="27">
      <t>レンケイキ</t>
    </rPh>
    <rPh sb="27" eb="29">
      <t>キョウカカ</t>
    </rPh>
    <rPh sb="29" eb="31">
      <t>カサン</t>
    </rPh>
    <phoneticPr fontId="3"/>
  </si>
  <si>
    <t>　　　25　訪問介護における「特定事業所加算」については、「加算（Ⅰ）～（Ⅳ）」は「特定事業所加算（Ⅰ）～（Ⅳ）に係る届出書（別紙10）」を、「加算（Ⅰ）、（Ⅲ）」の重度要介護者等対応要件の①を選択する場合は、
　　　　　「重度要介護者等対応要件の割合に関する計算書（特定事業所加算（Ⅰ）・（Ⅲ）」（別紙9-3）を、「加算（Ⅴ）」は「特定事業所加算（Ⅴ）に係る届出書」（別紙9-2）を添付してください。</t>
    <rPh sb="6" eb="8">
      <t>ホウモンカ</t>
    </rPh>
    <rPh sb="8" eb="10">
      <t>カイゴト</t>
    </rPh>
    <rPh sb="15" eb="17">
      <t>トクテイジ</t>
    </rPh>
    <rPh sb="17" eb="20">
      <t>ジギョウショカ</t>
    </rPh>
    <rPh sb="20" eb="22">
      <t>カサン</t>
    </rPh>
    <phoneticPr fontId="3"/>
  </si>
  <si>
    <t>　　　26 「サービス提供体制強化加算」については、「サービス提供体制強化加算に関する届出書」（別紙14）～（別紙14-6）までのいずれかを添付してください。</t>
    <rPh sb="11" eb="13">
      <t>テイキョウタ</t>
    </rPh>
    <rPh sb="13" eb="15">
      <t>タイセイキ</t>
    </rPh>
    <rPh sb="15" eb="17">
      <t>キョウカカ</t>
    </rPh>
    <rPh sb="17" eb="19">
      <t>カサンテ</t>
    </rPh>
    <rPh sb="31" eb="33">
      <t>テイキョウタ</t>
    </rPh>
    <rPh sb="33" eb="35">
      <t>タイセイキ</t>
    </rPh>
    <rPh sb="35" eb="37">
      <t>キョウカカ</t>
    </rPh>
    <rPh sb="37" eb="39">
      <t>カサンカ</t>
    </rPh>
    <rPh sb="40" eb="41">
      <t>カント</t>
    </rPh>
    <rPh sb="43" eb="46">
      <t>トドケデショベ</t>
    </rPh>
    <rPh sb="48" eb="50">
      <t>ベッシベ</t>
    </rPh>
    <rPh sb="55" eb="57">
      <t>ベッシテ</t>
    </rPh>
    <rPh sb="70" eb="72">
      <t>テンプ</t>
    </rPh>
    <phoneticPr fontId="3"/>
  </si>
  <si>
    <t>　　　27「特定診療費項目」「リハビリテーション提供体制」については、これらに相当する診療報酬の算定のために届け出た届出書の写しを添付してください。</t>
  </si>
  <si>
    <t>　　　28 「職員の欠員による減算の状況」については、以下の要領で記載してください。</t>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ハ</t>
    </rPh>
    <rPh sb="57" eb="59">
      <t>ハイチキ</t>
    </rPh>
    <rPh sb="59" eb="61">
      <t>キジュンヒ</t>
    </rPh>
    <rPh sb="62" eb="63">
      <t>ヒク</t>
    </rPh>
    <phoneticPr fontId="3"/>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チ</t>
    </rPh>
    <rPh sb="44" eb="47">
      <t>チョウカクシカ</t>
    </rPh>
    <rPh sb="48" eb="50">
      <t>カンゴ</t>
    </rPh>
    <phoneticPr fontId="3"/>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キ</t>
    </rPh>
    <rPh sb="69" eb="71">
      <t>キジュンヒ</t>
    </rPh>
    <rPh sb="72" eb="73">
      <t>ヒク</t>
    </rPh>
    <phoneticPr fontId="3"/>
  </si>
  <si>
    <t>　　　　　　　　　　ただし、事業所・施設が以下の地域に所在する場合は、「その他該当する体制等」欄のみ選択する。（人員配置区分欄の変更は行わない。）</t>
  </si>
  <si>
    <t>　　　　　　　　　　＜厚生労働大臣が定める地域＞</t>
    <rPh sb="13" eb="15">
      <t>ロウドウ</t>
    </rPh>
    <phoneticPr fontId="3"/>
  </si>
  <si>
    <t>　　　　　　　　　　　厚生労働大臣が定める地域は、人口５万人未満の市町村であって次に掲げる地域をその区域内に有する市町村の区域とする。</t>
    <rPh sb="13" eb="15">
      <t>ロウドウ</t>
    </rPh>
    <phoneticPr fontId="3"/>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チ</t>
    </rPh>
    <rPh sb="13" eb="15">
      <t>チイキジ</t>
    </rPh>
    <rPh sb="16" eb="19">
      <t>ジゾクテキハ</t>
    </rPh>
    <rPh sb="19" eb="21">
      <t>ハッテンシ</t>
    </rPh>
    <rPh sb="22" eb="24">
      <t>シエンカ</t>
    </rPh>
    <rPh sb="25" eb="26">
      <t>カント</t>
    </rPh>
    <rPh sb="28" eb="30">
      <t>トクベツソ</t>
    </rPh>
    <rPh sb="30" eb="33">
      <t>ソチホウレ</t>
    </rPh>
    <rPh sb="34" eb="36">
      <t>レイワネ</t>
    </rPh>
    <rPh sb="37" eb="38">
      <t>ネンホ</t>
    </rPh>
    <rPh sb="38" eb="40">
      <t>ホウリツダ</t>
    </rPh>
    <rPh sb="40" eb="41">
      <t>ダイゴ</t>
    </rPh>
    <rPh sb="43" eb="44">
      <t>ゴウダ</t>
    </rPh>
    <rPh sb="45" eb="46">
      <t>ダイジ</t>
    </rPh>
    <rPh sb="47" eb="48">
      <t>ジョウダ</t>
    </rPh>
    <rPh sb="48" eb="49">
      <t>ダイコ</t>
    </rPh>
    <rPh sb="50" eb="51">
      <t>コウキ</t>
    </rPh>
    <rPh sb="52" eb="54">
      <t>キテイカ</t>
    </rPh>
    <rPh sb="56" eb="58">
      <t>カソチ</t>
    </rPh>
    <rPh sb="58" eb="60">
      <t>チイキ</t>
    </rPh>
    <phoneticPr fontId="3"/>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キ</t>
    </rPh>
    <rPh sb="96" eb="98">
      <t>キジュンヒ</t>
    </rPh>
    <rPh sb="99" eb="100">
      <t>ヒク</t>
    </rPh>
    <phoneticPr fontId="3"/>
  </si>
  <si>
    <t>　　　　　　　　（（１）が優先する。）</t>
  </si>
  <si>
    <t>　　　　　　　　ウ　介護支援専門員（病院において従事する者に限る。）の欠員…「その他該当する体制等」欄の介護支援専門員を選択する。</t>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カ</t>
    </rPh>
    <rPh sb="8" eb="10">
      <t>カイゴシ</t>
    </rPh>
    <rPh sb="10" eb="12">
      <t>シエント</t>
    </rPh>
    <rPh sb="17" eb="19">
      <t>トクテイジ</t>
    </rPh>
    <rPh sb="19" eb="22">
      <t>ジギョウショカ</t>
    </rPh>
    <rPh sb="22" eb="24">
      <t>カサンカ</t>
    </rPh>
    <rPh sb="26" eb="28">
      <t>カサンカ</t>
    </rPh>
    <rPh sb="30" eb="32">
      <t>カサンカ</t>
    </rPh>
    <rPh sb="34" eb="36">
      <t>カサント</t>
    </rPh>
    <rPh sb="39" eb="41">
      <t>トクテイジ</t>
    </rPh>
    <rPh sb="41" eb="44">
      <t>ジギョウショイ</t>
    </rPh>
    <rPh sb="44" eb="46">
      <t>イリョウオ</t>
    </rPh>
    <rPh sb="53" eb="54">
      <t>オヨカ</t>
    </rPh>
    <rPh sb="69" eb="71">
      <t>カサント</t>
    </rPh>
    <rPh sb="79" eb="81">
      <t>トクテイジ</t>
    </rPh>
    <rPh sb="81" eb="84">
      <t>ジギョウショカ</t>
    </rPh>
    <rPh sb="84" eb="86">
      <t>カサント</t>
    </rPh>
    <rPh sb="94" eb="96">
      <t>トクテイジ</t>
    </rPh>
    <rPh sb="96" eb="99">
      <t>ジギョウショイ</t>
    </rPh>
    <rPh sb="99" eb="101">
      <t>イリョウカ</t>
    </rPh>
    <rPh sb="101" eb="103">
      <t>カイゴレ</t>
    </rPh>
    <rPh sb="103" eb="107">
      <t>レンケイカサンカ</t>
    </rPh>
    <rPh sb="126" eb="128">
      <t>カサンカ</t>
    </rPh>
    <rPh sb="129" eb="130">
      <t>カカキ</t>
    </rPh>
    <rPh sb="135" eb="137">
      <t>キョタクカ</t>
    </rPh>
    <rPh sb="137" eb="139">
      <t>カイゴシ</t>
    </rPh>
    <rPh sb="139" eb="141">
      <t>シエンジ</t>
    </rPh>
    <rPh sb="141" eb="144">
      <t>ジギョウショベ</t>
    </rPh>
    <rPh sb="147" eb="149">
      <t>ベッシ</t>
    </rPh>
    <phoneticPr fontId="3"/>
  </si>
  <si>
    <t>　　　30 「日常生活継続支援加算」については、「日常生活継続支援加算に関する届出書」（別紙37）を添付してください。</t>
    <rPh sb="7" eb="9">
      <t>ニチジョウセ</t>
    </rPh>
    <rPh sb="9" eb="11">
      <t>セイカツケ</t>
    </rPh>
    <rPh sb="11" eb="13">
      <t>ケイゾクシ</t>
    </rPh>
    <rPh sb="13" eb="17">
      <t>シエンカサン</t>
    </rPh>
    <phoneticPr fontId="3"/>
  </si>
  <si>
    <t>　　　31 「入居継続支援加算」については、「入居継続支援加算に係る届出書」（別紙32）を添付してください。</t>
    <rPh sb="7" eb="9">
      <t>ニュウキョケ</t>
    </rPh>
    <rPh sb="9" eb="11">
      <t>ケイゾクシ</t>
    </rPh>
    <rPh sb="11" eb="13">
      <t>シエンカ</t>
    </rPh>
    <rPh sb="13" eb="15">
      <t>カサンニ</t>
    </rPh>
    <rPh sb="23" eb="25">
      <t>ニュウキョケ</t>
    </rPh>
    <rPh sb="25" eb="27">
      <t>ケイゾクシ</t>
    </rPh>
    <rPh sb="27" eb="29">
      <t>シエンカ</t>
    </rPh>
    <rPh sb="29" eb="31">
      <t>カサンカ</t>
    </rPh>
    <rPh sb="32" eb="33">
      <t>カカト</t>
    </rPh>
    <rPh sb="34" eb="37">
      <t>トドケデショベ</t>
    </rPh>
    <rPh sb="39" eb="41">
      <t>ベッシテ</t>
    </rPh>
    <rPh sb="45" eb="47">
      <t>テンプ</t>
    </rPh>
    <phoneticPr fontId="3"/>
  </si>
  <si>
    <t>　　　32 「配置医師緊急時対応加算」については、「配置医師緊急時対応加算に係る届出書」（別紙39）を添付してください。</t>
    <rPh sb="7" eb="9">
      <t>ハイチイ</t>
    </rPh>
    <rPh sb="9" eb="11">
      <t>イシキ</t>
    </rPh>
    <rPh sb="11" eb="13">
      <t>キンキュウジ</t>
    </rPh>
    <rPh sb="13" eb="14">
      <t>ジタ</t>
    </rPh>
    <rPh sb="14" eb="16">
      <t>タイオウカ</t>
    </rPh>
    <rPh sb="16" eb="18">
      <t>カサンハ</t>
    </rPh>
    <rPh sb="26" eb="28">
      <t>ハイチイ</t>
    </rPh>
    <rPh sb="28" eb="30">
      <t>イシキ</t>
    </rPh>
    <rPh sb="30" eb="33">
      <t>キンキュウジタ</t>
    </rPh>
    <rPh sb="33" eb="35">
      <t>タイオウカ</t>
    </rPh>
    <rPh sb="35" eb="37">
      <t>カサンカ</t>
    </rPh>
    <rPh sb="38" eb="39">
      <t>カカト</t>
    </rPh>
    <rPh sb="40" eb="43">
      <t>トドケデショベ</t>
    </rPh>
    <rPh sb="45" eb="47">
      <t>ベッシテ</t>
    </rPh>
    <rPh sb="51" eb="53">
      <t>テンプ</t>
    </rPh>
    <phoneticPr fontId="3"/>
  </si>
  <si>
    <t>　　　33 「テクノロジーの導入」については、「テクノロジーの導入による日常生活継続支援加算に関する届出書」（別紙37-2）、「テクノロジーの導入による入居継続支援加算に関する届出書」（別紙32-2）、「テクノロジーの導入による夜勤職員
　　　　配置加算に係る届出書」（別紙27）のいずれかを添付してください。</t>
    <rPh sb="14" eb="16">
      <t>ドウニュウベ</t>
    </rPh>
    <rPh sb="93" eb="95">
      <t>ベッシ</t>
    </rPh>
    <phoneticPr fontId="3"/>
  </si>
  <si>
    <t>　　　34 「移行支援加算」については、「訪問リハビリテーション事業所における移行支援加算に係る届出」（別紙20）又は「通所リハビリテーション事業所における移行支援加算に係る届出」（別紙24）を添付してください。</t>
    <rPh sb="7" eb="9">
      <t>イコウシ</t>
    </rPh>
    <rPh sb="9" eb="13">
      <t>シエンカサンマ</t>
    </rPh>
    <rPh sb="57" eb="58">
      <t>マタツ</t>
    </rPh>
    <rPh sb="60" eb="62">
      <t>ツウショ</t>
    </rPh>
    <phoneticPr fontId="3"/>
  </si>
  <si>
    <t>　　　35 「褥瘡マネジメント加算」については、「褥瘡マネジメントに関する届出書」（別紙41）を添付してください。</t>
    <rPh sb="7" eb="9">
      <t>ジョクソウカ</t>
    </rPh>
    <rPh sb="15" eb="17">
      <t>カサンジ</t>
    </rPh>
    <rPh sb="25" eb="27">
      <t>ジョクソウカ</t>
    </rPh>
    <rPh sb="34" eb="35">
      <t>カント</t>
    </rPh>
    <rPh sb="37" eb="40">
      <t>トドケデショ</t>
    </rPh>
    <phoneticPr fontId="3"/>
  </si>
  <si>
    <t>　　　36 「重度認知症疾患療養体制加算」に係る届出については、「重度認知症疾患療養体制加算に係る届出」（別紙31）を添付してください。</t>
    <rPh sb="7" eb="9">
      <t>ジュウドニ</t>
    </rPh>
    <rPh sb="9" eb="12">
      <t>ニンチショウシ</t>
    </rPh>
    <rPh sb="12" eb="14">
      <t>シッカンリ</t>
    </rPh>
    <rPh sb="14" eb="16">
      <t>リョウヨウタ</t>
    </rPh>
    <rPh sb="16" eb="18">
      <t>タイセイカ</t>
    </rPh>
    <rPh sb="18" eb="20">
      <t>カサンジ</t>
    </rPh>
    <rPh sb="33" eb="35">
      <t>ジュウドニ</t>
    </rPh>
    <rPh sb="35" eb="38">
      <t>ニンチショウシ</t>
    </rPh>
    <rPh sb="38" eb="40">
      <t>シッカンリ</t>
    </rPh>
    <rPh sb="40" eb="42">
      <t>リョウヨウタ</t>
    </rPh>
    <rPh sb="42" eb="44">
      <t>タイセイカ</t>
    </rPh>
    <rPh sb="44" eb="46">
      <t>カサン</t>
    </rPh>
    <phoneticPr fontId="3"/>
  </si>
  <si>
    <t>　　　37「高齢者施設等感染対策向上加算Ⅰ」 「高齢者施設等感染対策向上加算Ⅱ」については、「高齢者施設等感染対策向上加算に係る届出書」（別紙35）を添付してください。</t>
  </si>
  <si>
    <t>　　　38「専門管理加算」については、「専門管理加算に係る届出書」（様式17）を添付してください。</t>
  </si>
  <si>
    <t>　　　39「遠隔死亡診断補助加算」については、「遠隔死亡診断補助加算に係る届出書」（別紙18）を添付してください。</t>
  </si>
  <si>
    <t>　　　40「生産性向上推進体制加算」については、「生産性向上推進体制加算に係る届出書」（別紙28）を添付してください。</t>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3"/>
  </si>
  <si>
    <t xml:space="preserve">         42「ケアプランデータ連携システムの活用及び事務職員の配置の体制」については、要件を満たし、かつ居宅介護支援費（Ⅱ）を算定する場合は「２　あり」を選択してください。</t>
  </si>
  <si>
    <t xml:space="preserve">         43「口腔連携強化加算」については、「口腔連携強化加算に関する届出書」（別紙11）を添付してください。</t>
  </si>
  <si>
    <t>注　１　介護老人福祉施設に係る届出をした場合で、短期入所生活介護の空床型を実施する場合は、短期入所生活介護の空床型における届出事項で介護老人福祉施設の届出と重複するものの届出は不要です。</t>
  </si>
  <si>
    <t>　　２　介護老人保健施設に係る届出をした場合には、短期入所療養介護における届出事項で介護老人保健施設の届出と重複するものの届出は不要です。</t>
  </si>
  <si>
    <t>　　３　介護医療院に係る届出をした場合には、短期入所療養介護における届出事項で介護医療院の届出と重複するものの届出は不要です。</t>
    <rPh sb="4" eb="6">
      <t>カイゴイ</t>
    </rPh>
    <rPh sb="6" eb="8">
      <t>イリョウイ</t>
    </rPh>
    <rPh sb="8" eb="9">
      <t>インカ</t>
    </rPh>
    <rPh sb="39" eb="41">
      <t>カイゴイ</t>
    </rPh>
    <rPh sb="41" eb="43">
      <t>イリョウイ</t>
    </rPh>
    <rPh sb="43" eb="44">
      <t>イン</t>
    </rPh>
    <phoneticPr fontId="3"/>
  </si>
  <si>
    <t>　　４　短期入所療養介護にあっては、同一の施設区分で事業の実施が複数の病棟にわたる場合は、病棟ごとに届け出てください。</t>
  </si>
  <si>
    <t>備考　（別紙１）介護サービス・施設サービス・居宅介護支援　サテライト事業所</t>
    <rPh sb="0" eb="2">
      <t>ビコウカ</t>
    </rPh>
    <rPh sb="8" eb="10">
      <t>カイゴシ</t>
    </rPh>
    <rPh sb="15" eb="17">
      <t>シセツキ</t>
    </rPh>
    <rPh sb="22" eb="24">
      <t>キョタクカ</t>
    </rPh>
    <rPh sb="24" eb="26">
      <t>カイゴシ</t>
    </rPh>
    <rPh sb="26" eb="28">
      <t>シエンジ</t>
    </rPh>
    <rPh sb="34" eb="37">
      <t>ジギョウショ</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font>
      <sz val="11"/>
      <name val="ＭＳ Ｐゴシック"/>
      <family val="3"/>
    </font>
    <font>
      <sz val="16"/>
      <name val="HGSｺﾞｼｯｸM"/>
      <family val="3"/>
    </font>
    <font>
      <sz val="6"/>
      <name val="ＭＳ Ｐゴシック"/>
      <family val="3"/>
      <charset val="128"/>
    </font>
    <font>
      <sz val="6"/>
      <name val="ＭＳ Ｐゴシック"/>
      <family val="3"/>
    </font>
    <font>
      <sz val="11"/>
      <name val="HGSｺﾞｼｯｸM"/>
      <family val="3"/>
    </font>
    <font>
      <sz val="11"/>
      <name val="HGｺﾞｼｯｸM"/>
      <family val="3"/>
    </font>
    <font>
      <b/>
      <sz val="12"/>
      <name val="HGSｺﾞｼｯｸM"/>
      <family val="3"/>
    </font>
    <font>
      <strike/>
      <sz val="11"/>
      <name val="ＭＳ Ｐゴシック"/>
      <family val="3"/>
    </font>
  </fonts>
  <fills count="3">
    <fill>
      <patternFill patternType="none"/>
    </fill>
    <fill>
      <patternFill patternType="gray125"/>
    </fill>
    <fill>
      <patternFill patternType="solid">
        <fgColor indexed="9"/>
        <bgColor indexed="64"/>
      </patternFill>
    </fill>
  </fills>
  <borders count="41">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indexed="64"/>
      </left>
      <right style="thin">
        <color indexed="64"/>
      </right>
      <top style="dashed">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top/>
      <bottom style="thin">
        <color indexed="64"/>
      </bottom>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s>
  <cellStyleXfs count="1">
    <xf numFmtId="0" fontId="0" fillId="0" borderId="0"/>
  </cellStyleXfs>
  <cellXfs count="129">
    <xf numFmtId="0" fontId="0" fillId="0" borderId="0" xfId="0"/>
    <xf numFmtId="0" fontId="1" fillId="2" borderId="0" xfId="0" applyFont="1" applyFill="1" applyAlignment="1">
      <alignment vertical="center"/>
    </xf>
    <xf numFmtId="0" fontId="1" fillId="2" borderId="0" xfId="0" applyFont="1" applyFill="1" applyAlignment="1">
      <alignment horizontal="center" vertical="center"/>
    </xf>
    <xf numFmtId="0" fontId="4" fillId="2" borderId="0" xfId="0" applyFont="1" applyFill="1" applyAlignment="1">
      <alignment horizontal="left" vertical="center"/>
    </xf>
    <xf numFmtId="0" fontId="1" fillId="2" borderId="0" xfId="0" applyFont="1" applyFill="1" applyAlignment="1">
      <alignment horizontal="center" vertical="center"/>
    </xf>
    <xf numFmtId="0" fontId="4" fillId="2" borderId="0" xfId="0" applyFont="1" applyFill="1" applyAlignment="1">
      <alignment horizontal="center" vertical="center"/>
    </xf>
    <xf numFmtId="0" fontId="4" fillId="2" borderId="1" xfId="0" applyFont="1" applyFill="1" applyBorder="1" applyAlignment="1">
      <alignment horizontal="center" vertical="center"/>
    </xf>
    <xf numFmtId="0" fontId="4" fillId="2" borderId="2" xfId="0" applyFont="1" applyFill="1" applyBorder="1" applyAlignment="1">
      <alignment horizontal="center" vertical="center"/>
    </xf>
    <xf numFmtId="0" fontId="4" fillId="2" borderId="3" xfId="0" applyFont="1" applyFill="1" applyBorder="1" applyAlignment="1">
      <alignment horizontal="center" vertical="center"/>
    </xf>
    <xf numFmtId="0" fontId="4" fillId="2" borderId="4" xfId="0" applyFont="1" applyFill="1" applyBorder="1" applyAlignment="1">
      <alignment horizontal="center" vertical="center"/>
    </xf>
    <xf numFmtId="0" fontId="4" fillId="2" borderId="5" xfId="0" applyFont="1" applyFill="1" applyBorder="1" applyAlignment="1">
      <alignment horizontal="center" vertical="center"/>
    </xf>
    <xf numFmtId="0" fontId="4" fillId="2" borderId="3"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4" fillId="2" borderId="8" xfId="0" applyFont="1" applyFill="1" applyBorder="1" applyAlignment="1">
      <alignment horizontal="center" vertical="center"/>
    </xf>
    <xf numFmtId="0" fontId="4" fillId="2" borderId="9" xfId="0" applyFont="1" applyFill="1" applyBorder="1" applyAlignment="1">
      <alignment horizontal="left" vertical="center"/>
    </xf>
    <xf numFmtId="0" fontId="0" fillId="2" borderId="0" xfId="0" applyFill="1" applyAlignment="1">
      <alignment horizontal="center" vertical="center"/>
    </xf>
    <xf numFmtId="0" fontId="4" fillId="2" borderId="7" xfId="0" applyFont="1" applyFill="1" applyBorder="1" applyAlignment="1">
      <alignment vertical="center"/>
    </xf>
    <xf numFmtId="0" fontId="4" fillId="2" borderId="7" xfId="0" applyFont="1" applyFill="1" applyBorder="1" applyAlignment="1">
      <alignment vertical="center" wrapText="1"/>
    </xf>
    <xf numFmtId="0" fontId="4" fillId="2" borderId="8" xfId="0" applyFont="1" applyFill="1" applyBorder="1" applyAlignment="1">
      <alignment vertical="center" wrapText="1"/>
    </xf>
    <xf numFmtId="0" fontId="4" fillId="2" borderId="10" xfId="0" applyFont="1" applyFill="1" applyBorder="1" applyAlignment="1">
      <alignment horizontal="center" vertical="center"/>
    </xf>
    <xf numFmtId="0" fontId="4" fillId="2" borderId="11" xfId="0" applyFont="1" applyFill="1" applyBorder="1" applyAlignment="1">
      <alignment horizontal="center" vertical="center"/>
    </xf>
    <xf numFmtId="0" fontId="4" fillId="2" borderId="12" xfId="0" applyFont="1" applyFill="1" applyBorder="1" applyAlignment="1">
      <alignment horizontal="center" vertical="center"/>
    </xf>
    <xf numFmtId="0" fontId="4" fillId="2" borderId="13" xfId="0" applyFont="1" applyFill="1" applyBorder="1" applyAlignment="1">
      <alignment horizontal="center" vertical="center"/>
    </xf>
    <xf numFmtId="0" fontId="4" fillId="2" borderId="0" xfId="0" applyFont="1" applyFill="1" applyAlignment="1">
      <alignment horizontal="center" vertical="center"/>
    </xf>
    <xf numFmtId="0" fontId="4" fillId="2" borderId="14" xfId="0" applyFont="1" applyFill="1" applyBorder="1" applyAlignment="1">
      <alignment horizontal="center" vertical="center"/>
    </xf>
    <xf numFmtId="0" fontId="4" fillId="2" borderId="15" xfId="0" applyFont="1" applyFill="1" applyBorder="1" applyAlignment="1">
      <alignment horizontal="left" vertical="center"/>
    </xf>
    <xf numFmtId="0" fontId="0" fillId="2" borderId="13" xfId="0" applyFill="1" applyBorder="1" applyAlignment="1">
      <alignment horizontal="center" vertical="center"/>
    </xf>
    <xf numFmtId="0" fontId="4" fillId="2" borderId="0" xfId="0" applyFont="1" applyFill="1" applyAlignment="1">
      <alignment vertical="center"/>
    </xf>
    <xf numFmtId="0" fontId="4" fillId="2" borderId="0" xfId="0" applyFont="1" applyFill="1" applyAlignment="1">
      <alignment vertical="center" wrapText="1"/>
    </xf>
    <xf numFmtId="0" fontId="4" fillId="2" borderId="14" xfId="0" applyFont="1" applyFill="1" applyBorder="1" applyAlignment="1">
      <alignment vertical="center" wrapText="1"/>
    </xf>
    <xf numFmtId="0" fontId="4" fillId="2" borderId="16" xfId="0" applyFont="1" applyFill="1" applyBorder="1" applyAlignment="1">
      <alignment horizontal="center" vertical="center"/>
    </xf>
    <xf numFmtId="0" fontId="4" fillId="2" borderId="17" xfId="0" applyFont="1" applyFill="1" applyBorder="1" applyAlignment="1">
      <alignment horizontal="center" vertical="center"/>
    </xf>
    <xf numFmtId="0" fontId="4" fillId="2" borderId="18" xfId="0" applyFont="1" applyFill="1" applyBorder="1" applyAlignment="1">
      <alignment horizontal="center" vertical="center"/>
    </xf>
    <xf numFmtId="0" fontId="4" fillId="2" borderId="6" xfId="0" applyFont="1" applyFill="1" applyBorder="1" applyAlignment="1">
      <alignment vertical="center"/>
    </xf>
    <xf numFmtId="0" fontId="4" fillId="2" borderId="8" xfId="0" applyFont="1" applyFill="1" applyBorder="1" applyAlignment="1">
      <alignment horizontal="center" vertical="center"/>
    </xf>
    <xf numFmtId="0" fontId="4" fillId="2" borderId="9" xfId="0" applyFont="1" applyFill="1" applyBorder="1" applyAlignment="1">
      <alignment vertical="center"/>
    </xf>
    <xf numFmtId="0" fontId="4" fillId="2" borderId="6" xfId="0" applyFont="1" applyFill="1" applyBorder="1" applyAlignment="1">
      <alignment horizontal="left" vertical="center"/>
    </xf>
    <xf numFmtId="0" fontId="4" fillId="2" borderId="6" xfId="0" applyFont="1" applyFill="1" applyBorder="1" applyAlignment="1">
      <alignment horizontal="center" vertical="center" wrapText="1"/>
    </xf>
    <xf numFmtId="0" fontId="4" fillId="2" borderId="8" xfId="0" applyFont="1" applyFill="1" applyBorder="1" applyAlignment="1">
      <alignment vertical="center"/>
    </xf>
    <xf numFmtId="0" fontId="4" fillId="2" borderId="9" xfId="0" applyFont="1" applyFill="1" applyBorder="1" applyAlignment="1">
      <alignment horizontal="left" vertical="center" wrapText="1"/>
    </xf>
    <xf numFmtId="0" fontId="0" fillId="2" borderId="6" xfId="0" applyFill="1" applyBorder="1" applyAlignment="1">
      <alignment horizontal="center" vertical="center"/>
    </xf>
    <xf numFmtId="0" fontId="4" fillId="2" borderId="7" xfId="0" applyFont="1" applyFill="1" applyBorder="1" applyAlignment="1">
      <alignment horizontal="left" vertical="center"/>
    </xf>
    <xf numFmtId="0" fontId="0" fillId="2" borderId="7" xfId="0" applyFill="1" applyBorder="1" applyAlignment="1">
      <alignment horizontal="center" vertical="center"/>
    </xf>
    <xf numFmtId="0" fontId="0" fillId="2" borderId="7" xfId="0" applyFill="1" applyBorder="1" applyAlignment="1">
      <alignment vertical="center"/>
    </xf>
    <xf numFmtId="0" fontId="0" fillId="2" borderId="8" xfId="0" applyFill="1" applyBorder="1" applyAlignment="1">
      <alignment vertical="center"/>
    </xf>
    <xf numFmtId="0" fontId="0" fillId="2" borderId="6" xfId="0" applyFill="1" applyBorder="1" applyAlignment="1">
      <alignment horizontal="center" vertical="center"/>
    </xf>
    <xf numFmtId="0" fontId="4" fillId="2" borderId="8" xfId="0" applyFont="1" applyFill="1" applyBorder="1" applyAlignment="1">
      <alignment vertical="top"/>
    </xf>
    <xf numFmtId="0" fontId="4" fillId="2" borderId="13" xfId="0" applyFont="1" applyFill="1" applyBorder="1" applyAlignment="1">
      <alignment vertical="center"/>
    </xf>
    <xf numFmtId="0" fontId="4" fillId="2" borderId="14" xfId="0" applyFont="1" applyFill="1" applyBorder="1" applyAlignment="1">
      <alignment horizontal="center" vertical="center"/>
    </xf>
    <xf numFmtId="0" fontId="4" fillId="2" borderId="15" xfId="0" applyFont="1" applyFill="1" applyBorder="1" applyAlignment="1">
      <alignment vertical="center"/>
    </xf>
    <xf numFmtId="0" fontId="4" fillId="2" borderId="13" xfId="0" applyFont="1" applyFill="1" applyBorder="1" applyAlignment="1">
      <alignment horizontal="left" vertical="center"/>
    </xf>
    <xf numFmtId="0" fontId="4" fillId="2" borderId="13" xfId="0" applyFont="1" applyFill="1" applyBorder="1" applyAlignment="1">
      <alignment horizontal="center" vertical="center" wrapText="1"/>
    </xf>
    <xf numFmtId="0" fontId="4" fillId="2" borderId="14" xfId="0" applyFont="1" applyFill="1" applyBorder="1" applyAlignment="1">
      <alignment vertical="center"/>
    </xf>
    <xf numFmtId="0" fontId="4" fillId="2" borderId="15" xfId="0" applyFont="1" applyFill="1" applyBorder="1" applyAlignment="1">
      <alignment horizontal="left" vertical="center" wrapText="1"/>
    </xf>
    <xf numFmtId="0" fontId="0" fillId="2" borderId="13" xfId="0" applyFill="1" applyBorder="1" applyAlignment="1">
      <alignment horizontal="center" vertical="center"/>
    </xf>
    <xf numFmtId="0" fontId="4" fillId="2" borderId="0" xfId="0" applyFont="1" applyFill="1" applyAlignment="1">
      <alignment horizontal="left" vertical="center"/>
    </xf>
    <xf numFmtId="0" fontId="0" fillId="2" borderId="0" xfId="0" applyFill="1" applyAlignment="1">
      <alignment horizontal="center" vertical="center"/>
    </xf>
    <xf numFmtId="0" fontId="0" fillId="2" borderId="0" xfId="0" applyFill="1" applyAlignment="1">
      <alignment vertical="center"/>
    </xf>
    <xf numFmtId="0" fontId="0" fillId="2" borderId="14" xfId="0" applyFill="1" applyBorder="1" applyAlignment="1">
      <alignment vertical="center"/>
    </xf>
    <xf numFmtId="0" fontId="4" fillId="2" borderId="14" xfId="0" applyFont="1" applyFill="1" applyBorder="1" applyAlignment="1">
      <alignment vertical="top"/>
    </xf>
    <xf numFmtId="0" fontId="4" fillId="2" borderId="19" xfId="0" applyFont="1" applyFill="1" applyBorder="1" applyAlignment="1">
      <alignment horizontal="left" vertical="center"/>
    </xf>
    <xf numFmtId="0" fontId="0" fillId="2" borderId="20" xfId="0" applyFill="1" applyBorder="1" applyAlignment="1">
      <alignment horizontal="center" vertical="center"/>
    </xf>
    <xf numFmtId="0" fontId="4" fillId="2" borderId="21" xfId="0" applyFont="1" applyFill="1" applyBorder="1" applyAlignment="1">
      <alignment vertical="center"/>
    </xf>
    <xf numFmtId="0" fontId="0" fillId="2" borderId="21" xfId="0" applyFill="1" applyBorder="1" applyAlignment="1">
      <alignment vertical="center"/>
    </xf>
    <xf numFmtId="0" fontId="0" fillId="2" borderId="21" xfId="0" applyFill="1" applyBorder="1" applyAlignment="1">
      <alignment horizontal="center" vertical="center"/>
    </xf>
    <xf numFmtId="0" fontId="0" fillId="2" borderId="22" xfId="0" applyFill="1" applyBorder="1" applyAlignment="1">
      <alignment vertical="center"/>
    </xf>
    <xf numFmtId="0" fontId="4" fillId="2" borderId="0" xfId="0" applyFont="1" applyFill="1" applyAlignment="1">
      <alignment vertical="top"/>
    </xf>
    <xf numFmtId="0" fontId="4" fillId="2" borderId="13" xfId="0" applyFont="1" applyFill="1" applyBorder="1" applyAlignment="1">
      <alignment horizontal="center" vertical="center"/>
    </xf>
    <xf numFmtId="0" fontId="4" fillId="2" borderId="23" xfId="0" applyFont="1" applyFill="1" applyBorder="1" applyAlignment="1">
      <alignment horizontal="left" vertical="center" wrapText="1"/>
    </xf>
    <xf numFmtId="0" fontId="4" fillId="2" borderId="24" xfId="0" applyFont="1" applyFill="1" applyBorder="1" applyAlignment="1">
      <alignment horizontal="center" vertical="center" wrapText="1"/>
    </xf>
    <xf numFmtId="0" fontId="4" fillId="2" borderId="24" xfId="0" applyFont="1" applyFill="1" applyBorder="1" applyAlignment="1">
      <alignment horizontal="left" vertical="center"/>
    </xf>
    <xf numFmtId="0" fontId="0" fillId="2" borderId="24" xfId="0" applyFill="1" applyBorder="1" applyAlignment="1">
      <alignment horizontal="left" vertical="center"/>
    </xf>
    <xf numFmtId="0" fontId="0" fillId="2" borderId="25" xfId="0" applyFill="1" applyBorder="1" applyAlignment="1">
      <alignment horizontal="left" vertical="center"/>
    </xf>
    <xf numFmtId="0" fontId="4" fillId="2" borderId="26" xfId="0" applyFont="1" applyFill="1" applyBorder="1" applyAlignment="1">
      <alignment horizontal="left" vertical="center" wrapText="1"/>
    </xf>
    <xf numFmtId="0" fontId="4" fillId="2" borderId="27" xfId="0" applyFont="1" applyFill="1" applyBorder="1" applyAlignment="1">
      <alignment horizontal="center" vertical="center" wrapText="1"/>
    </xf>
    <xf numFmtId="0" fontId="4" fillId="2" borderId="27" xfId="0" applyFont="1" applyFill="1" applyBorder="1" applyAlignment="1">
      <alignment horizontal="left" vertical="center"/>
    </xf>
    <xf numFmtId="0" fontId="0" fillId="2" borderId="27" xfId="0" applyFill="1" applyBorder="1" applyAlignment="1">
      <alignment vertical="center"/>
    </xf>
    <xf numFmtId="0" fontId="0" fillId="2" borderId="28" xfId="0" applyFill="1" applyBorder="1" applyAlignment="1">
      <alignment vertical="center"/>
    </xf>
    <xf numFmtId="0" fontId="4" fillId="2" borderId="13" xfId="0" applyFont="1" applyFill="1" applyBorder="1" applyAlignment="1">
      <alignment vertical="top"/>
    </xf>
    <xf numFmtId="0" fontId="4" fillId="2" borderId="20" xfId="0" applyFont="1" applyFill="1" applyBorder="1" applyAlignment="1">
      <alignment horizontal="center" vertical="center" wrapText="1"/>
    </xf>
    <xf numFmtId="0" fontId="4" fillId="2" borderId="21" xfId="0" applyFont="1" applyFill="1" applyBorder="1" applyAlignment="1">
      <alignment horizontal="left" vertical="center"/>
    </xf>
    <xf numFmtId="0" fontId="4" fillId="2" borderId="21" xfId="0" applyFont="1" applyFill="1" applyBorder="1" applyAlignment="1">
      <alignment horizontal="center" vertical="center" wrapText="1"/>
    </xf>
    <xf numFmtId="0" fontId="4" fillId="2" borderId="21" xfId="0" applyFont="1" applyFill="1" applyBorder="1" applyAlignment="1">
      <alignment horizontal="left" vertical="center"/>
    </xf>
    <xf numFmtId="0" fontId="4" fillId="2" borderId="19" xfId="0" applyFont="1" applyFill="1" applyBorder="1" applyAlignment="1">
      <alignment horizontal="left" vertical="center" wrapText="1"/>
    </xf>
    <xf numFmtId="0" fontId="4" fillId="2" borderId="23" xfId="0" applyFont="1" applyFill="1" applyBorder="1" applyAlignment="1">
      <alignment horizontal="left" vertical="center"/>
    </xf>
    <xf numFmtId="0" fontId="0" fillId="2" borderId="29" xfId="0" applyFill="1" applyBorder="1" applyAlignment="1">
      <alignment horizontal="center" vertical="center"/>
    </xf>
    <xf numFmtId="0" fontId="4" fillId="2" borderId="24" xfId="0" applyFont="1" applyFill="1" applyBorder="1" applyAlignment="1">
      <alignment vertical="center"/>
    </xf>
    <xf numFmtId="0" fontId="0" fillId="2" borderId="24" xfId="0" applyFill="1" applyBorder="1" applyAlignment="1">
      <alignment vertical="center"/>
    </xf>
    <xf numFmtId="0" fontId="0" fillId="2" borderId="24" xfId="0" applyFill="1" applyBorder="1" applyAlignment="1">
      <alignment horizontal="center" vertical="center"/>
    </xf>
    <xf numFmtId="0" fontId="0" fillId="2" borderId="25" xfId="0" applyFill="1" applyBorder="1" applyAlignment="1">
      <alignment vertical="center"/>
    </xf>
    <xf numFmtId="0" fontId="4" fillId="2" borderId="30" xfId="0" applyFont="1" applyFill="1" applyBorder="1" applyAlignment="1">
      <alignment vertical="center"/>
    </xf>
    <xf numFmtId="0" fontId="4" fillId="2" borderId="31" xfId="0" applyFont="1" applyFill="1" applyBorder="1" applyAlignment="1">
      <alignment horizontal="center" vertical="center"/>
    </xf>
    <xf numFmtId="0" fontId="4" fillId="2" borderId="32" xfId="0" applyFont="1" applyFill="1" applyBorder="1" applyAlignment="1">
      <alignment vertical="center"/>
    </xf>
    <xf numFmtId="0" fontId="4" fillId="2" borderId="30" xfId="0" applyFont="1" applyFill="1" applyBorder="1" applyAlignment="1">
      <alignment horizontal="left" vertical="center"/>
    </xf>
    <xf numFmtId="0" fontId="4" fillId="2" borderId="31" xfId="0" applyFont="1" applyFill="1" applyBorder="1" applyAlignment="1">
      <alignment vertical="center" wrapText="1"/>
    </xf>
    <xf numFmtId="0" fontId="4" fillId="2" borderId="30" xfId="0" applyFont="1" applyFill="1" applyBorder="1" applyAlignment="1">
      <alignment horizontal="center" vertical="center" wrapText="1"/>
    </xf>
    <xf numFmtId="0" fontId="0" fillId="2" borderId="31" xfId="0" applyFill="1" applyBorder="1" applyAlignment="1">
      <alignment vertical="center"/>
    </xf>
    <xf numFmtId="0" fontId="4" fillId="2" borderId="33" xfId="0" applyFont="1" applyFill="1" applyBorder="1" applyAlignment="1">
      <alignment horizontal="left" vertical="center" wrapText="1"/>
    </xf>
    <xf numFmtId="0" fontId="0" fillId="2" borderId="34" xfId="0" applyFill="1" applyBorder="1" applyAlignment="1">
      <alignment horizontal="center" vertical="center"/>
    </xf>
    <xf numFmtId="0" fontId="4" fillId="2" borderId="35" xfId="0" applyFont="1" applyFill="1" applyBorder="1" applyAlignment="1">
      <alignment vertical="center"/>
    </xf>
    <xf numFmtId="0" fontId="0" fillId="2" borderId="35" xfId="0" applyFill="1" applyBorder="1" applyAlignment="1">
      <alignment horizontal="center" vertical="center"/>
    </xf>
    <xf numFmtId="0" fontId="0" fillId="2" borderId="35" xfId="0" applyFill="1" applyBorder="1" applyAlignment="1">
      <alignment horizontal="left" vertical="center"/>
    </xf>
    <xf numFmtId="0" fontId="5" fillId="2" borderId="35" xfId="0" applyFont="1" applyFill="1" applyBorder="1" applyAlignment="1">
      <alignment horizontal="left" vertical="center"/>
    </xf>
    <xf numFmtId="0" fontId="0" fillId="2" borderId="36" xfId="0" applyFill="1" applyBorder="1" applyAlignment="1">
      <alignment horizontal="left" vertical="center"/>
    </xf>
    <xf numFmtId="0" fontId="4" fillId="2" borderId="30" xfId="0" applyFont="1" applyFill="1" applyBorder="1" applyAlignment="1">
      <alignment vertical="top"/>
    </xf>
    <xf numFmtId="0" fontId="4" fillId="2" borderId="37" xfId="0" applyFont="1" applyFill="1" applyBorder="1" applyAlignment="1">
      <alignment vertical="top"/>
    </xf>
    <xf numFmtId="0" fontId="4" fillId="2" borderId="31" xfId="0" applyFont="1" applyFill="1" applyBorder="1" applyAlignment="1">
      <alignment vertical="top"/>
    </xf>
    <xf numFmtId="0" fontId="4" fillId="2" borderId="38" xfId="0" applyFont="1" applyFill="1" applyBorder="1" applyAlignment="1">
      <alignment horizontal="center" vertical="center"/>
    </xf>
    <xf numFmtId="0" fontId="4" fillId="2" borderId="39" xfId="0" applyFont="1" applyFill="1" applyBorder="1" applyAlignment="1">
      <alignment horizontal="center" vertical="center"/>
    </xf>
    <xf numFmtId="0" fontId="4" fillId="2" borderId="40" xfId="0" applyFont="1" applyFill="1" applyBorder="1" applyAlignment="1">
      <alignment horizontal="center" vertical="center"/>
    </xf>
    <xf numFmtId="0" fontId="4" fillId="2" borderId="0" xfId="0" applyFont="1" applyFill="1" applyAlignment="1">
      <alignment horizontal="center"/>
    </xf>
    <xf numFmtId="0" fontId="4" fillId="2" borderId="0" xfId="0" applyFont="1" applyFill="1"/>
    <xf numFmtId="0" fontId="6" fillId="0" borderId="0" xfId="0" applyFont="1" applyAlignment="1">
      <alignment horizontal="left" vertical="center"/>
    </xf>
    <xf numFmtId="0" fontId="4" fillId="0" borderId="0" xfId="0" applyFont="1" applyAlignment="1">
      <alignment horizontal="left" vertical="center"/>
    </xf>
    <xf numFmtId="0" fontId="4" fillId="0" borderId="0" xfId="0" applyFont="1" applyAlignment="1">
      <alignment horizontal="center"/>
    </xf>
    <xf numFmtId="0" fontId="4" fillId="0" borderId="0" xfId="0" applyFont="1" applyAlignment="1">
      <alignment vertical="center"/>
    </xf>
    <xf numFmtId="0" fontId="4" fillId="0" borderId="0" xfId="0" applyFont="1"/>
    <xf numFmtId="0" fontId="4" fillId="0" borderId="0" xfId="0" applyFont="1" applyAlignment="1">
      <alignment horizontal="left" vertical="center" wrapText="1"/>
    </xf>
    <xf numFmtId="0" fontId="4" fillId="0" borderId="0" xfId="0" applyFont="1" applyAlignment="1">
      <alignment horizontal="left" vertical="center"/>
    </xf>
    <xf numFmtId="0" fontId="0" fillId="0" borderId="0" xfId="0" applyAlignment="1">
      <alignment horizontal="left" vertical="center"/>
    </xf>
    <xf numFmtId="0" fontId="7" fillId="0" borderId="0" xfId="0" applyFont="1" applyAlignment="1">
      <alignment horizontal="center" vertical="center"/>
    </xf>
    <xf numFmtId="0" fontId="7" fillId="0" borderId="0" xfId="0" applyFont="1" applyAlignment="1">
      <alignment horizontal="left" vertical="center"/>
    </xf>
    <xf numFmtId="0" fontId="4" fillId="0" borderId="0" xfId="0" applyFont="1" applyAlignment="1">
      <alignment vertical="top" wrapText="1"/>
    </xf>
    <xf numFmtId="0" fontId="0" fillId="0" borderId="0" xfId="0" applyAlignment="1">
      <alignment horizontal="center" vertical="center"/>
    </xf>
    <xf numFmtId="0" fontId="4" fillId="0" borderId="0" xfId="0" applyFont="1" applyAlignment="1">
      <alignment vertical="top"/>
    </xf>
    <xf numFmtId="0" fontId="4" fillId="0" borderId="0" xfId="0" applyFont="1" applyAlignment="1">
      <alignment vertical="center" wrapText="1"/>
    </xf>
    <xf numFmtId="0" fontId="4" fillId="0" borderId="0" xfId="0" applyFont="1" applyAlignment="1">
      <alignment horizontal="left" vertical="top"/>
    </xf>
    <xf numFmtId="0" fontId="4"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1162050</xdr:colOff>
      <xdr:row>1</xdr:row>
      <xdr:rowOff>0</xdr:rowOff>
    </xdr:from>
    <xdr:to>
      <xdr:col>6</xdr:col>
      <xdr:colOff>171450</xdr:colOff>
      <xdr:row>1</xdr:row>
      <xdr:rowOff>0</xdr:rowOff>
    </xdr:to>
    <xdr:sp macro="" textlink="">
      <xdr:nvSpPr>
        <xdr:cNvPr id="2" name="Text Box 1">
          <a:extLst>
            <a:ext uri="{FF2B5EF4-FFF2-40B4-BE49-F238E27FC236}">
              <a16:creationId xmlns:a16="http://schemas.microsoft.com/office/drawing/2014/main" id="{BAD49916-3110-416D-BD9D-C779AC4C3434}"/>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3" name="Text Box 2">
          <a:extLst>
            <a:ext uri="{FF2B5EF4-FFF2-40B4-BE49-F238E27FC236}">
              <a16:creationId xmlns:a16="http://schemas.microsoft.com/office/drawing/2014/main" id="{D34B31B4-A06D-43D4-965D-4E573B7993CA}"/>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4" name="Text Box 3">
          <a:extLst>
            <a:ext uri="{FF2B5EF4-FFF2-40B4-BE49-F238E27FC236}">
              <a16:creationId xmlns:a16="http://schemas.microsoft.com/office/drawing/2014/main" id="{CFB49B13-1B66-4EF6-9B37-6150C559CFB5}"/>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1</xdr:row>
      <xdr:rowOff>0</xdr:rowOff>
    </xdr:from>
    <xdr:to>
      <xdr:col>10</xdr:col>
      <xdr:colOff>120650</xdr:colOff>
      <xdr:row>1</xdr:row>
      <xdr:rowOff>0</xdr:rowOff>
    </xdr:to>
    <xdr:sp macro="" textlink="">
      <xdr:nvSpPr>
        <xdr:cNvPr id="5" name="Text Box 4">
          <a:extLst>
            <a:ext uri="{FF2B5EF4-FFF2-40B4-BE49-F238E27FC236}">
              <a16:creationId xmlns:a16="http://schemas.microsoft.com/office/drawing/2014/main" id="{8CA719D1-002D-4BC4-A255-EA1ADAC84A92}"/>
            </a:ext>
          </a:extLst>
        </xdr:cNvPr>
        <xdr:cNvSpPr>
          <a:spLocks noChangeArrowheads="1"/>
        </xdr:cNvSpPr>
      </xdr:nvSpPr>
      <xdr:spPr bwMode="auto">
        <a:xfrm>
          <a:off x="14297025" y="2571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1</xdr:row>
      <xdr:rowOff>0</xdr:rowOff>
    </xdr:from>
    <xdr:to>
      <xdr:col>4</xdr:col>
      <xdr:colOff>857250</xdr:colOff>
      <xdr:row>1</xdr:row>
      <xdr:rowOff>0</xdr:rowOff>
    </xdr:to>
    <xdr:sp macro="" textlink="">
      <xdr:nvSpPr>
        <xdr:cNvPr id="6" name="Text Box 5">
          <a:extLst>
            <a:ext uri="{FF2B5EF4-FFF2-40B4-BE49-F238E27FC236}">
              <a16:creationId xmlns:a16="http://schemas.microsoft.com/office/drawing/2014/main" id="{075CC5B0-4020-48FF-9352-998F66FB12F9}"/>
            </a:ext>
          </a:extLst>
        </xdr:cNvPr>
        <xdr:cNvSpPr>
          <a:spLocks noChangeArrowheads="1"/>
        </xdr:cNvSpPr>
      </xdr:nvSpPr>
      <xdr:spPr bwMode="auto">
        <a:xfrm>
          <a:off x="6534150"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1</xdr:row>
      <xdr:rowOff>0</xdr:rowOff>
    </xdr:from>
    <xdr:to>
      <xdr:col>1</xdr:col>
      <xdr:colOff>577850</xdr:colOff>
      <xdr:row>1</xdr:row>
      <xdr:rowOff>0</xdr:rowOff>
    </xdr:to>
    <xdr:sp macro="" textlink="">
      <xdr:nvSpPr>
        <xdr:cNvPr id="7" name="Text Box 6">
          <a:extLst>
            <a:ext uri="{FF2B5EF4-FFF2-40B4-BE49-F238E27FC236}">
              <a16:creationId xmlns:a16="http://schemas.microsoft.com/office/drawing/2014/main" id="{36AA3E70-CFE7-49DE-82D9-100BDEF3FD7B}"/>
            </a:ext>
          </a:extLst>
        </xdr:cNvPr>
        <xdr:cNvSpPr>
          <a:spLocks noChangeArrowheads="1"/>
        </xdr:cNvSpPr>
      </xdr:nvSpPr>
      <xdr:spPr bwMode="auto">
        <a:xfrm>
          <a:off x="533400"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8" name="Text Box 7">
          <a:extLst>
            <a:ext uri="{FF2B5EF4-FFF2-40B4-BE49-F238E27FC236}">
              <a16:creationId xmlns:a16="http://schemas.microsoft.com/office/drawing/2014/main" id="{E32F1B8F-AC8A-4C39-9FAD-6A3FF91C4F7E}"/>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9" name="Text Box 8">
          <a:extLst>
            <a:ext uri="{FF2B5EF4-FFF2-40B4-BE49-F238E27FC236}">
              <a16:creationId xmlns:a16="http://schemas.microsoft.com/office/drawing/2014/main" id="{51BB596A-9F9C-4257-854F-4EDEADC09C78}"/>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10" name="Text Box 9">
          <a:extLst>
            <a:ext uri="{FF2B5EF4-FFF2-40B4-BE49-F238E27FC236}">
              <a16:creationId xmlns:a16="http://schemas.microsoft.com/office/drawing/2014/main" id="{F95DB45D-1D9D-4D44-B935-1ECAF720A731}"/>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1</xdr:row>
      <xdr:rowOff>0</xdr:rowOff>
    </xdr:from>
    <xdr:to>
      <xdr:col>0</xdr:col>
      <xdr:colOff>63500</xdr:colOff>
      <xdr:row>1</xdr:row>
      <xdr:rowOff>0</xdr:rowOff>
    </xdr:to>
    <xdr:sp macro="" textlink="">
      <xdr:nvSpPr>
        <xdr:cNvPr id="11" name="Text Box 10">
          <a:extLst>
            <a:ext uri="{FF2B5EF4-FFF2-40B4-BE49-F238E27FC236}">
              <a16:creationId xmlns:a16="http://schemas.microsoft.com/office/drawing/2014/main" id="{538428CD-5B1E-46E8-975B-D7F0BC875E43}"/>
            </a:ext>
          </a:extLst>
        </xdr:cNvPr>
        <xdr:cNvSpPr>
          <a:spLocks noChangeArrowheads="1"/>
        </xdr:cNvSpPr>
      </xdr:nvSpPr>
      <xdr:spPr bwMode="auto">
        <a:xfrm>
          <a:off x="9525" y="2571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2" name="Text Box 11">
          <a:extLst>
            <a:ext uri="{FF2B5EF4-FFF2-40B4-BE49-F238E27FC236}">
              <a16:creationId xmlns:a16="http://schemas.microsoft.com/office/drawing/2014/main" id="{A6C09D5E-9A9B-4593-B897-5555DA31EBC2}"/>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3" name="Text Box 12">
          <a:extLst>
            <a:ext uri="{FF2B5EF4-FFF2-40B4-BE49-F238E27FC236}">
              <a16:creationId xmlns:a16="http://schemas.microsoft.com/office/drawing/2014/main" id="{238BA0CA-12DB-46B3-945B-E0F47C601D56}"/>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4" name="Text Box 13">
          <a:extLst>
            <a:ext uri="{FF2B5EF4-FFF2-40B4-BE49-F238E27FC236}">
              <a16:creationId xmlns:a16="http://schemas.microsoft.com/office/drawing/2014/main" id="{0A69A6E0-D88D-442D-B2D2-5E9EEE31D158}"/>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70</xdr:row>
      <xdr:rowOff>0</xdr:rowOff>
    </xdr:from>
    <xdr:to>
      <xdr:col>10</xdr:col>
      <xdr:colOff>120650</xdr:colOff>
      <xdr:row>70</xdr:row>
      <xdr:rowOff>0</xdr:rowOff>
    </xdr:to>
    <xdr:sp macro="" textlink="">
      <xdr:nvSpPr>
        <xdr:cNvPr id="15" name="Text Box 14">
          <a:extLst>
            <a:ext uri="{FF2B5EF4-FFF2-40B4-BE49-F238E27FC236}">
              <a16:creationId xmlns:a16="http://schemas.microsoft.com/office/drawing/2014/main" id="{BE680663-E1E5-46ED-999A-10D244597841}"/>
            </a:ext>
          </a:extLst>
        </xdr:cNvPr>
        <xdr:cNvSpPr>
          <a:spLocks noChangeArrowheads="1"/>
        </xdr:cNvSpPr>
      </xdr:nvSpPr>
      <xdr:spPr bwMode="auto">
        <a:xfrm>
          <a:off x="14297025" y="190404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73</xdr:row>
      <xdr:rowOff>0</xdr:rowOff>
    </xdr:from>
    <xdr:to>
      <xdr:col>4</xdr:col>
      <xdr:colOff>857250</xdr:colOff>
      <xdr:row>73</xdr:row>
      <xdr:rowOff>0</xdr:rowOff>
    </xdr:to>
    <xdr:sp macro="" textlink="">
      <xdr:nvSpPr>
        <xdr:cNvPr id="16" name="Text Box 15">
          <a:extLst>
            <a:ext uri="{FF2B5EF4-FFF2-40B4-BE49-F238E27FC236}">
              <a16:creationId xmlns:a16="http://schemas.microsoft.com/office/drawing/2014/main" id="{F2BA0125-402D-4AAC-B979-BFACBF025E1E}"/>
            </a:ext>
          </a:extLst>
        </xdr:cNvPr>
        <xdr:cNvSpPr>
          <a:spLocks noChangeArrowheads="1"/>
        </xdr:cNvSpPr>
      </xdr:nvSpPr>
      <xdr:spPr bwMode="auto">
        <a:xfrm>
          <a:off x="6534150"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73</xdr:row>
      <xdr:rowOff>0</xdr:rowOff>
    </xdr:from>
    <xdr:to>
      <xdr:col>1</xdr:col>
      <xdr:colOff>577850</xdr:colOff>
      <xdr:row>73</xdr:row>
      <xdr:rowOff>0</xdr:rowOff>
    </xdr:to>
    <xdr:sp macro="" textlink="">
      <xdr:nvSpPr>
        <xdr:cNvPr id="17" name="Text Box 16">
          <a:extLst>
            <a:ext uri="{FF2B5EF4-FFF2-40B4-BE49-F238E27FC236}">
              <a16:creationId xmlns:a16="http://schemas.microsoft.com/office/drawing/2014/main" id="{2F1D3F79-AFDC-469A-BC51-2A90C7162E13}"/>
            </a:ext>
          </a:extLst>
        </xdr:cNvPr>
        <xdr:cNvSpPr>
          <a:spLocks noChangeArrowheads="1"/>
        </xdr:cNvSpPr>
      </xdr:nvSpPr>
      <xdr:spPr bwMode="auto">
        <a:xfrm>
          <a:off x="533400"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8" name="Text Box 17">
          <a:extLst>
            <a:ext uri="{FF2B5EF4-FFF2-40B4-BE49-F238E27FC236}">
              <a16:creationId xmlns:a16="http://schemas.microsoft.com/office/drawing/2014/main" id="{EA74C1F5-E7EF-4DF4-A141-7BBE50048CEA}"/>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9" name="Text Box 18">
          <a:extLst>
            <a:ext uri="{FF2B5EF4-FFF2-40B4-BE49-F238E27FC236}">
              <a16:creationId xmlns:a16="http://schemas.microsoft.com/office/drawing/2014/main" id="{BA24BD43-F3D8-40C8-B375-43D2E4077BFD}"/>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20" name="Text Box 19">
          <a:extLst>
            <a:ext uri="{FF2B5EF4-FFF2-40B4-BE49-F238E27FC236}">
              <a16:creationId xmlns:a16="http://schemas.microsoft.com/office/drawing/2014/main" id="{2A12CC0C-7C63-45BC-B836-8766C7024FEC}"/>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70</xdr:row>
      <xdr:rowOff>0</xdr:rowOff>
    </xdr:from>
    <xdr:to>
      <xdr:col>0</xdr:col>
      <xdr:colOff>63500</xdr:colOff>
      <xdr:row>70</xdr:row>
      <xdr:rowOff>0</xdr:rowOff>
    </xdr:to>
    <xdr:sp macro="" textlink="">
      <xdr:nvSpPr>
        <xdr:cNvPr id="21" name="Text Box 20">
          <a:extLst>
            <a:ext uri="{FF2B5EF4-FFF2-40B4-BE49-F238E27FC236}">
              <a16:creationId xmlns:a16="http://schemas.microsoft.com/office/drawing/2014/main" id="{A5A28B44-D978-4FC3-923C-51989A4FFFBF}"/>
            </a:ext>
          </a:extLst>
        </xdr:cNvPr>
        <xdr:cNvSpPr>
          <a:spLocks noChangeArrowheads="1"/>
        </xdr:cNvSpPr>
      </xdr:nvSpPr>
      <xdr:spPr bwMode="auto">
        <a:xfrm>
          <a:off x="9525" y="190404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139700</xdr:colOff>
      <xdr:row>70</xdr:row>
      <xdr:rowOff>0</xdr:rowOff>
    </xdr:from>
    <xdr:to>
      <xdr:col>6</xdr:col>
      <xdr:colOff>355600</xdr:colOff>
      <xdr:row>70</xdr:row>
      <xdr:rowOff>0</xdr:rowOff>
    </xdr:to>
    <xdr:sp macro="" textlink="">
      <xdr:nvSpPr>
        <xdr:cNvPr id="22" name="Text Box 21">
          <a:extLst>
            <a:ext uri="{FF2B5EF4-FFF2-40B4-BE49-F238E27FC236}">
              <a16:creationId xmlns:a16="http://schemas.microsoft.com/office/drawing/2014/main" id="{5AA1C622-ABC8-4546-BB41-77BC22E7C29D}"/>
            </a:ext>
          </a:extLst>
        </xdr:cNvPr>
        <xdr:cNvSpPr>
          <a:spLocks noChangeArrowheads="1"/>
        </xdr:cNvSpPr>
      </xdr:nvSpPr>
      <xdr:spPr bwMode="auto">
        <a:xfrm>
          <a:off x="12058650" y="190404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22300</xdr:colOff>
      <xdr:row>73</xdr:row>
      <xdr:rowOff>0</xdr:rowOff>
    </xdr:from>
    <xdr:to>
      <xdr:col>4</xdr:col>
      <xdr:colOff>844550</xdr:colOff>
      <xdr:row>73</xdr:row>
      <xdr:rowOff>0</xdr:rowOff>
    </xdr:to>
    <xdr:sp macro="" textlink="">
      <xdr:nvSpPr>
        <xdr:cNvPr id="23" name="Text Box 22">
          <a:extLst>
            <a:ext uri="{FF2B5EF4-FFF2-40B4-BE49-F238E27FC236}">
              <a16:creationId xmlns:a16="http://schemas.microsoft.com/office/drawing/2014/main" id="{E553CA4F-0906-43AE-85BC-86A2BF2BAEE6}"/>
            </a:ext>
          </a:extLst>
        </xdr:cNvPr>
        <xdr:cNvSpPr>
          <a:spLocks noChangeArrowheads="1"/>
        </xdr:cNvSpPr>
      </xdr:nvSpPr>
      <xdr:spPr bwMode="auto">
        <a:xfrm>
          <a:off x="6505575" y="19812000"/>
          <a:ext cx="2286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24" name="Text Box 23">
          <a:extLst>
            <a:ext uri="{FF2B5EF4-FFF2-40B4-BE49-F238E27FC236}">
              <a16:creationId xmlns:a16="http://schemas.microsoft.com/office/drawing/2014/main" id="{CB582C6D-487A-4E0E-A7EB-3F7ED52B2E14}"/>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25" name="Text Box 24">
          <a:extLst>
            <a:ext uri="{FF2B5EF4-FFF2-40B4-BE49-F238E27FC236}">
              <a16:creationId xmlns:a16="http://schemas.microsoft.com/office/drawing/2014/main" id="{533A76CF-97E3-4332-9C2A-154EE007BE18}"/>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26" name="Text Box 25">
          <a:extLst>
            <a:ext uri="{FF2B5EF4-FFF2-40B4-BE49-F238E27FC236}">
              <a16:creationId xmlns:a16="http://schemas.microsoft.com/office/drawing/2014/main" id="{22D26DC7-51F7-459A-AAC3-2AB02DF2B456}"/>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27" name="Text Box 26">
          <a:extLst>
            <a:ext uri="{FF2B5EF4-FFF2-40B4-BE49-F238E27FC236}">
              <a16:creationId xmlns:a16="http://schemas.microsoft.com/office/drawing/2014/main" id="{6F60D041-1C2F-4BC6-BB17-B277B446D166}"/>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46</xdr:row>
      <xdr:rowOff>0</xdr:rowOff>
    </xdr:from>
    <xdr:to>
      <xdr:col>0</xdr:col>
      <xdr:colOff>63500</xdr:colOff>
      <xdr:row>46</xdr:row>
      <xdr:rowOff>0</xdr:rowOff>
    </xdr:to>
    <xdr:sp macro="" textlink="">
      <xdr:nvSpPr>
        <xdr:cNvPr id="28" name="Text Box 27">
          <a:extLst>
            <a:ext uri="{FF2B5EF4-FFF2-40B4-BE49-F238E27FC236}">
              <a16:creationId xmlns:a16="http://schemas.microsoft.com/office/drawing/2014/main" id="{3510EDB1-8A95-4506-80A1-CD05EC686E30}"/>
            </a:ext>
          </a:extLst>
        </xdr:cNvPr>
        <xdr:cNvSpPr>
          <a:spLocks noChangeArrowheads="1"/>
        </xdr:cNvSpPr>
      </xdr:nvSpPr>
      <xdr:spPr bwMode="auto">
        <a:xfrm>
          <a:off x="9525" y="124015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5</xdr:row>
      <xdr:rowOff>0</xdr:rowOff>
    </xdr:from>
    <xdr:to>
      <xdr:col>6</xdr:col>
      <xdr:colOff>171450</xdr:colOff>
      <xdr:row>55</xdr:row>
      <xdr:rowOff>0</xdr:rowOff>
    </xdr:to>
    <xdr:sp macro="" textlink="">
      <xdr:nvSpPr>
        <xdr:cNvPr id="29" name="Text Box 28">
          <a:extLst>
            <a:ext uri="{FF2B5EF4-FFF2-40B4-BE49-F238E27FC236}">
              <a16:creationId xmlns:a16="http://schemas.microsoft.com/office/drawing/2014/main" id="{D352E1B5-DE36-4F56-AF58-7FA31C02FBFB}"/>
            </a:ext>
          </a:extLst>
        </xdr:cNvPr>
        <xdr:cNvSpPr>
          <a:spLocks noChangeArrowheads="1"/>
        </xdr:cNvSpPr>
      </xdr:nvSpPr>
      <xdr:spPr bwMode="auto">
        <a:xfrm>
          <a:off x="10144125" y="14992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5</xdr:row>
      <xdr:rowOff>0</xdr:rowOff>
    </xdr:from>
    <xdr:to>
      <xdr:col>6</xdr:col>
      <xdr:colOff>171450</xdr:colOff>
      <xdr:row>55</xdr:row>
      <xdr:rowOff>0</xdr:rowOff>
    </xdr:to>
    <xdr:sp macro="" textlink="">
      <xdr:nvSpPr>
        <xdr:cNvPr id="30" name="Text Box 29">
          <a:extLst>
            <a:ext uri="{FF2B5EF4-FFF2-40B4-BE49-F238E27FC236}">
              <a16:creationId xmlns:a16="http://schemas.microsoft.com/office/drawing/2014/main" id="{E05F0903-0D53-46A4-93D5-8B2C770974A0}"/>
            </a:ext>
          </a:extLst>
        </xdr:cNvPr>
        <xdr:cNvSpPr>
          <a:spLocks noChangeArrowheads="1"/>
        </xdr:cNvSpPr>
      </xdr:nvSpPr>
      <xdr:spPr bwMode="auto">
        <a:xfrm>
          <a:off x="10144125" y="14992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5</xdr:row>
      <xdr:rowOff>0</xdr:rowOff>
    </xdr:from>
    <xdr:to>
      <xdr:col>6</xdr:col>
      <xdr:colOff>171450</xdr:colOff>
      <xdr:row>55</xdr:row>
      <xdr:rowOff>0</xdr:rowOff>
    </xdr:to>
    <xdr:sp macro="" textlink="">
      <xdr:nvSpPr>
        <xdr:cNvPr id="31" name="Text Box 30">
          <a:extLst>
            <a:ext uri="{FF2B5EF4-FFF2-40B4-BE49-F238E27FC236}">
              <a16:creationId xmlns:a16="http://schemas.microsoft.com/office/drawing/2014/main" id="{4103F568-96DA-4773-9CF1-3F7C4A4EBB83}"/>
            </a:ext>
          </a:extLst>
        </xdr:cNvPr>
        <xdr:cNvSpPr>
          <a:spLocks noChangeArrowheads="1"/>
        </xdr:cNvSpPr>
      </xdr:nvSpPr>
      <xdr:spPr bwMode="auto">
        <a:xfrm>
          <a:off x="10144125" y="14992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55</xdr:row>
      <xdr:rowOff>0</xdr:rowOff>
    </xdr:from>
    <xdr:to>
      <xdr:col>10</xdr:col>
      <xdr:colOff>120650</xdr:colOff>
      <xdr:row>55</xdr:row>
      <xdr:rowOff>0</xdr:rowOff>
    </xdr:to>
    <xdr:sp macro="" textlink="">
      <xdr:nvSpPr>
        <xdr:cNvPr id="32" name="Text Box 31">
          <a:extLst>
            <a:ext uri="{FF2B5EF4-FFF2-40B4-BE49-F238E27FC236}">
              <a16:creationId xmlns:a16="http://schemas.microsoft.com/office/drawing/2014/main" id="{81C008EB-229C-4253-9BB2-FBFC8803EA2B}"/>
            </a:ext>
          </a:extLst>
        </xdr:cNvPr>
        <xdr:cNvSpPr>
          <a:spLocks noChangeArrowheads="1"/>
        </xdr:cNvSpPr>
      </xdr:nvSpPr>
      <xdr:spPr bwMode="auto">
        <a:xfrm>
          <a:off x="14297025" y="14992350"/>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69</xdr:row>
      <xdr:rowOff>0</xdr:rowOff>
    </xdr:from>
    <xdr:to>
      <xdr:col>4</xdr:col>
      <xdr:colOff>857250</xdr:colOff>
      <xdr:row>69</xdr:row>
      <xdr:rowOff>0</xdr:rowOff>
    </xdr:to>
    <xdr:sp macro="" textlink="">
      <xdr:nvSpPr>
        <xdr:cNvPr id="33" name="Text Box 32">
          <a:extLst>
            <a:ext uri="{FF2B5EF4-FFF2-40B4-BE49-F238E27FC236}">
              <a16:creationId xmlns:a16="http://schemas.microsoft.com/office/drawing/2014/main" id="{81B268D5-B508-4B7A-B664-A814730C87A9}"/>
            </a:ext>
          </a:extLst>
        </xdr:cNvPr>
        <xdr:cNvSpPr>
          <a:spLocks noChangeArrowheads="1"/>
        </xdr:cNvSpPr>
      </xdr:nvSpPr>
      <xdr:spPr bwMode="auto">
        <a:xfrm>
          <a:off x="6534150"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69</xdr:row>
      <xdr:rowOff>0</xdr:rowOff>
    </xdr:from>
    <xdr:to>
      <xdr:col>1</xdr:col>
      <xdr:colOff>577850</xdr:colOff>
      <xdr:row>69</xdr:row>
      <xdr:rowOff>0</xdr:rowOff>
    </xdr:to>
    <xdr:sp macro="" textlink="">
      <xdr:nvSpPr>
        <xdr:cNvPr id="34" name="Text Box 33">
          <a:extLst>
            <a:ext uri="{FF2B5EF4-FFF2-40B4-BE49-F238E27FC236}">
              <a16:creationId xmlns:a16="http://schemas.microsoft.com/office/drawing/2014/main" id="{5BAF8B18-70FE-425E-B147-659A789ED750}"/>
            </a:ext>
          </a:extLst>
        </xdr:cNvPr>
        <xdr:cNvSpPr>
          <a:spLocks noChangeArrowheads="1"/>
        </xdr:cNvSpPr>
      </xdr:nvSpPr>
      <xdr:spPr bwMode="auto">
        <a:xfrm>
          <a:off x="533400"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35" name="Text Box 34">
          <a:extLst>
            <a:ext uri="{FF2B5EF4-FFF2-40B4-BE49-F238E27FC236}">
              <a16:creationId xmlns:a16="http://schemas.microsoft.com/office/drawing/2014/main" id="{D43C4B72-DE16-4F3E-9B3F-26A7C11CB409}"/>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36" name="Text Box 35">
          <a:extLst>
            <a:ext uri="{FF2B5EF4-FFF2-40B4-BE49-F238E27FC236}">
              <a16:creationId xmlns:a16="http://schemas.microsoft.com/office/drawing/2014/main" id="{0773D8C8-8843-47EA-BC59-A537D54E35DB}"/>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37" name="Text Box 36">
          <a:extLst>
            <a:ext uri="{FF2B5EF4-FFF2-40B4-BE49-F238E27FC236}">
              <a16:creationId xmlns:a16="http://schemas.microsoft.com/office/drawing/2014/main" id="{AEB6F2FD-5EE4-4250-8BD1-FC38D4A0B2C7}"/>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55</xdr:row>
      <xdr:rowOff>0</xdr:rowOff>
    </xdr:from>
    <xdr:to>
      <xdr:col>0</xdr:col>
      <xdr:colOff>63500</xdr:colOff>
      <xdr:row>55</xdr:row>
      <xdr:rowOff>0</xdr:rowOff>
    </xdr:to>
    <xdr:sp macro="" textlink="">
      <xdr:nvSpPr>
        <xdr:cNvPr id="38" name="Text Box 37">
          <a:extLst>
            <a:ext uri="{FF2B5EF4-FFF2-40B4-BE49-F238E27FC236}">
              <a16:creationId xmlns:a16="http://schemas.microsoft.com/office/drawing/2014/main" id="{33BF1EC7-E08B-4DE7-AF41-F92F3DC8CF7A}"/>
            </a:ext>
          </a:extLst>
        </xdr:cNvPr>
        <xdr:cNvSpPr>
          <a:spLocks noChangeArrowheads="1"/>
        </xdr:cNvSpPr>
      </xdr:nvSpPr>
      <xdr:spPr bwMode="auto">
        <a:xfrm>
          <a:off x="9525" y="14992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69</xdr:row>
      <xdr:rowOff>0</xdr:rowOff>
    </xdr:from>
    <xdr:to>
      <xdr:col>0</xdr:col>
      <xdr:colOff>63500</xdr:colOff>
      <xdr:row>69</xdr:row>
      <xdr:rowOff>0</xdr:rowOff>
    </xdr:to>
    <xdr:sp macro="" textlink="">
      <xdr:nvSpPr>
        <xdr:cNvPr id="39" name="Text Box 38">
          <a:extLst>
            <a:ext uri="{FF2B5EF4-FFF2-40B4-BE49-F238E27FC236}">
              <a16:creationId xmlns:a16="http://schemas.microsoft.com/office/drawing/2014/main" id="{CB659DCC-7C02-4F55-87C9-79C1F528B546}"/>
            </a:ext>
          </a:extLst>
        </xdr:cNvPr>
        <xdr:cNvSpPr>
          <a:spLocks noChangeArrowheads="1"/>
        </xdr:cNvSpPr>
      </xdr:nvSpPr>
      <xdr:spPr bwMode="auto">
        <a:xfrm>
          <a:off x="9525" y="187833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660400</xdr:colOff>
      <xdr:row>42</xdr:row>
      <xdr:rowOff>120650</xdr:rowOff>
    </xdr:from>
    <xdr:to>
      <xdr:col>5</xdr:col>
      <xdr:colOff>1911350</xdr:colOff>
      <xdr:row>49</xdr:row>
      <xdr:rowOff>82550</xdr:rowOff>
    </xdr:to>
    <xdr:sp macro="" textlink="" fLocksText="0">
      <xdr:nvSpPr>
        <xdr:cNvPr id="40" name="Rectangle 39">
          <a:extLst>
            <a:ext uri="{FF2B5EF4-FFF2-40B4-BE49-F238E27FC236}">
              <a16:creationId xmlns:a16="http://schemas.microsoft.com/office/drawing/2014/main" id="{3E1EB8D5-6A65-4830-8564-D238B007AB49}"/>
            </a:ext>
          </a:extLst>
        </xdr:cNvPr>
        <xdr:cNvSpPr>
          <a:spLocks noChangeArrowheads="1"/>
        </xdr:cNvSpPr>
      </xdr:nvSpPr>
      <xdr:spPr bwMode="auto">
        <a:xfrm>
          <a:off x="819150" y="11496675"/>
          <a:ext cx="10077450" cy="17621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6350</xdr:colOff>
      <xdr:row>73</xdr:row>
      <xdr:rowOff>0</xdr:rowOff>
    </xdr:from>
    <xdr:to>
      <xdr:col>0</xdr:col>
      <xdr:colOff>63500</xdr:colOff>
      <xdr:row>73</xdr:row>
      <xdr:rowOff>0</xdr:rowOff>
    </xdr:to>
    <xdr:sp macro="" textlink="">
      <xdr:nvSpPr>
        <xdr:cNvPr id="41" name="Text Box 40">
          <a:extLst>
            <a:ext uri="{FF2B5EF4-FFF2-40B4-BE49-F238E27FC236}">
              <a16:creationId xmlns:a16="http://schemas.microsoft.com/office/drawing/2014/main" id="{012626A0-E68E-4405-A88A-3B44B5B7F64A}"/>
            </a:ext>
          </a:extLst>
        </xdr:cNvPr>
        <xdr:cNvSpPr>
          <a:spLocks noChangeArrowheads="1"/>
        </xdr:cNvSpPr>
      </xdr:nvSpPr>
      <xdr:spPr bwMode="auto">
        <a:xfrm>
          <a:off x="9525" y="198120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42" name="Text Box 41">
          <a:extLst>
            <a:ext uri="{FF2B5EF4-FFF2-40B4-BE49-F238E27FC236}">
              <a16:creationId xmlns:a16="http://schemas.microsoft.com/office/drawing/2014/main" id="{0B6CCDF6-42EB-4A01-B956-CF6B091E4127}"/>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43" name="Text Box 42">
          <a:extLst>
            <a:ext uri="{FF2B5EF4-FFF2-40B4-BE49-F238E27FC236}">
              <a16:creationId xmlns:a16="http://schemas.microsoft.com/office/drawing/2014/main" id="{9E4E9DD5-01B8-4991-87F0-883456BD6BEA}"/>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44" name="Text Box 43">
          <a:extLst>
            <a:ext uri="{FF2B5EF4-FFF2-40B4-BE49-F238E27FC236}">
              <a16:creationId xmlns:a16="http://schemas.microsoft.com/office/drawing/2014/main" id="{85F20A8E-4A21-4439-BB4B-4EBD310CD43C}"/>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73</xdr:row>
      <xdr:rowOff>0</xdr:rowOff>
    </xdr:from>
    <xdr:to>
      <xdr:col>10</xdr:col>
      <xdr:colOff>120650</xdr:colOff>
      <xdr:row>73</xdr:row>
      <xdr:rowOff>0</xdr:rowOff>
    </xdr:to>
    <xdr:sp macro="" textlink="">
      <xdr:nvSpPr>
        <xdr:cNvPr id="45" name="Text Box 44">
          <a:extLst>
            <a:ext uri="{FF2B5EF4-FFF2-40B4-BE49-F238E27FC236}">
              <a16:creationId xmlns:a16="http://schemas.microsoft.com/office/drawing/2014/main" id="{7FC5F337-A41D-486B-BD8F-3F006B625C39}"/>
            </a:ext>
          </a:extLst>
        </xdr:cNvPr>
        <xdr:cNvSpPr>
          <a:spLocks noChangeArrowheads="1"/>
        </xdr:cNvSpPr>
      </xdr:nvSpPr>
      <xdr:spPr bwMode="auto">
        <a:xfrm>
          <a:off x="14297025" y="19812000"/>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75</xdr:row>
      <xdr:rowOff>0</xdr:rowOff>
    </xdr:from>
    <xdr:to>
      <xdr:col>4</xdr:col>
      <xdr:colOff>857250</xdr:colOff>
      <xdr:row>75</xdr:row>
      <xdr:rowOff>0</xdr:rowOff>
    </xdr:to>
    <xdr:sp macro="" textlink="">
      <xdr:nvSpPr>
        <xdr:cNvPr id="46" name="Text Box 45">
          <a:extLst>
            <a:ext uri="{FF2B5EF4-FFF2-40B4-BE49-F238E27FC236}">
              <a16:creationId xmlns:a16="http://schemas.microsoft.com/office/drawing/2014/main" id="{7B6E6910-65C4-4EB2-891E-C7ACFFCC28C1}"/>
            </a:ext>
          </a:extLst>
        </xdr:cNvPr>
        <xdr:cNvSpPr>
          <a:spLocks noChangeArrowheads="1"/>
        </xdr:cNvSpPr>
      </xdr:nvSpPr>
      <xdr:spPr bwMode="auto">
        <a:xfrm>
          <a:off x="6534150"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76</xdr:row>
      <xdr:rowOff>0</xdr:rowOff>
    </xdr:from>
    <xdr:to>
      <xdr:col>1</xdr:col>
      <xdr:colOff>577850</xdr:colOff>
      <xdr:row>76</xdr:row>
      <xdr:rowOff>0</xdr:rowOff>
    </xdr:to>
    <xdr:sp macro="" textlink="">
      <xdr:nvSpPr>
        <xdr:cNvPr id="47" name="Text Box 46">
          <a:extLst>
            <a:ext uri="{FF2B5EF4-FFF2-40B4-BE49-F238E27FC236}">
              <a16:creationId xmlns:a16="http://schemas.microsoft.com/office/drawing/2014/main" id="{CC513A48-FA25-42B0-9CF2-5FA1B5DBB66D}"/>
            </a:ext>
          </a:extLst>
        </xdr:cNvPr>
        <xdr:cNvSpPr>
          <a:spLocks noChangeArrowheads="1"/>
        </xdr:cNvSpPr>
      </xdr:nvSpPr>
      <xdr:spPr bwMode="auto">
        <a:xfrm>
          <a:off x="533400" y="205835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48" name="Text Box 47">
          <a:extLst>
            <a:ext uri="{FF2B5EF4-FFF2-40B4-BE49-F238E27FC236}">
              <a16:creationId xmlns:a16="http://schemas.microsoft.com/office/drawing/2014/main" id="{32B13C2A-7ED4-4A74-BE29-AFF9A8273AD4}"/>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49" name="Text Box 48">
          <a:extLst>
            <a:ext uri="{FF2B5EF4-FFF2-40B4-BE49-F238E27FC236}">
              <a16:creationId xmlns:a16="http://schemas.microsoft.com/office/drawing/2014/main" id="{BCEE5DF3-66C0-414A-A3FC-0069B1DE41E1}"/>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50" name="Text Box 49">
          <a:extLst>
            <a:ext uri="{FF2B5EF4-FFF2-40B4-BE49-F238E27FC236}">
              <a16:creationId xmlns:a16="http://schemas.microsoft.com/office/drawing/2014/main" id="{DECC121B-57E5-4ED1-A1E1-B6C834A52CCE}"/>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73</xdr:row>
      <xdr:rowOff>0</xdr:rowOff>
    </xdr:from>
    <xdr:to>
      <xdr:col>0</xdr:col>
      <xdr:colOff>63500</xdr:colOff>
      <xdr:row>73</xdr:row>
      <xdr:rowOff>0</xdr:rowOff>
    </xdr:to>
    <xdr:sp macro="" textlink="">
      <xdr:nvSpPr>
        <xdr:cNvPr id="51" name="Text Box 50">
          <a:extLst>
            <a:ext uri="{FF2B5EF4-FFF2-40B4-BE49-F238E27FC236}">
              <a16:creationId xmlns:a16="http://schemas.microsoft.com/office/drawing/2014/main" id="{802C247E-1E42-4862-AF63-2F7B4B9DFAF3}"/>
            </a:ext>
          </a:extLst>
        </xdr:cNvPr>
        <xdr:cNvSpPr>
          <a:spLocks noChangeArrowheads="1"/>
        </xdr:cNvSpPr>
      </xdr:nvSpPr>
      <xdr:spPr bwMode="auto">
        <a:xfrm>
          <a:off x="9525" y="198120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52" name="Text Box 1">
          <a:extLst>
            <a:ext uri="{FF2B5EF4-FFF2-40B4-BE49-F238E27FC236}">
              <a16:creationId xmlns:a16="http://schemas.microsoft.com/office/drawing/2014/main" id="{18F695D4-2CA8-4CCD-90FF-6444B01E07EF}"/>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53" name="Text Box 2">
          <a:extLst>
            <a:ext uri="{FF2B5EF4-FFF2-40B4-BE49-F238E27FC236}">
              <a16:creationId xmlns:a16="http://schemas.microsoft.com/office/drawing/2014/main" id="{59B868A9-C834-4E5D-8F09-21630C8DCFD2}"/>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54" name="Text Box 3">
          <a:extLst>
            <a:ext uri="{FF2B5EF4-FFF2-40B4-BE49-F238E27FC236}">
              <a16:creationId xmlns:a16="http://schemas.microsoft.com/office/drawing/2014/main" id="{0D8FB035-A712-4BD2-9203-E413C6B6B069}"/>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1</xdr:row>
      <xdr:rowOff>0</xdr:rowOff>
    </xdr:from>
    <xdr:to>
      <xdr:col>10</xdr:col>
      <xdr:colOff>120650</xdr:colOff>
      <xdr:row>1</xdr:row>
      <xdr:rowOff>0</xdr:rowOff>
    </xdr:to>
    <xdr:sp macro="" textlink="">
      <xdr:nvSpPr>
        <xdr:cNvPr id="55" name="Text Box 4">
          <a:extLst>
            <a:ext uri="{FF2B5EF4-FFF2-40B4-BE49-F238E27FC236}">
              <a16:creationId xmlns:a16="http://schemas.microsoft.com/office/drawing/2014/main" id="{054A2EF0-272A-4C80-80DD-33D9BE614350}"/>
            </a:ext>
          </a:extLst>
        </xdr:cNvPr>
        <xdr:cNvSpPr>
          <a:spLocks noChangeArrowheads="1"/>
        </xdr:cNvSpPr>
      </xdr:nvSpPr>
      <xdr:spPr bwMode="auto">
        <a:xfrm>
          <a:off x="14297025" y="2571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1</xdr:row>
      <xdr:rowOff>0</xdr:rowOff>
    </xdr:from>
    <xdr:to>
      <xdr:col>4</xdr:col>
      <xdr:colOff>857250</xdr:colOff>
      <xdr:row>1</xdr:row>
      <xdr:rowOff>0</xdr:rowOff>
    </xdr:to>
    <xdr:sp macro="" textlink="">
      <xdr:nvSpPr>
        <xdr:cNvPr id="56" name="Text Box 5">
          <a:extLst>
            <a:ext uri="{FF2B5EF4-FFF2-40B4-BE49-F238E27FC236}">
              <a16:creationId xmlns:a16="http://schemas.microsoft.com/office/drawing/2014/main" id="{78EEA55D-B73D-4ED1-9F61-69B95AE4A80C}"/>
            </a:ext>
          </a:extLst>
        </xdr:cNvPr>
        <xdr:cNvSpPr>
          <a:spLocks noChangeArrowheads="1"/>
        </xdr:cNvSpPr>
      </xdr:nvSpPr>
      <xdr:spPr bwMode="auto">
        <a:xfrm>
          <a:off x="6534150"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1</xdr:row>
      <xdr:rowOff>0</xdr:rowOff>
    </xdr:from>
    <xdr:to>
      <xdr:col>1</xdr:col>
      <xdr:colOff>577850</xdr:colOff>
      <xdr:row>1</xdr:row>
      <xdr:rowOff>0</xdr:rowOff>
    </xdr:to>
    <xdr:sp macro="" textlink="">
      <xdr:nvSpPr>
        <xdr:cNvPr id="57" name="Text Box 6">
          <a:extLst>
            <a:ext uri="{FF2B5EF4-FFF2-40B4-BE49-F238E27FC236}">
              <a16:creationId xmlns:a16="http://schemas.microsoft.com/office/drawing/2014/main" id="{90EDAAA4-DB16-46B1-ACBE-D2695B6BA9D6}"/>
            </a:ext>
          </a:extLst>
        </xdr:cNvPr>
        <xdr:cNvSpPr>
          <a:spLocks noChangeArrowheads="1"/>
        </xdr:cNvSpPr>
      </xdr:nvSpPr>
      <xdr:spPr bwMode="auto">
        <a:xfrm>
          <a:off x="533400"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58" name="Text Box 7">
          <a:extLst>
            <a:ext uri="{FF2B5EF4-FFF2-40B4-BE49-F238E27FC236}">
              <a16:creationId xmlns:a16="http://schemas.microsoft.com/office/drawing/2014/main" id="{F80501E4-13F7-4778-BC8F-E1C502B10937}"/>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59" name="Text Box 8">
          <a:extLst>
            <a:ext uri="{FF2B5EF4-FFF2-40B4-BE49-F238E27FC236}">
              <a16:creationId xmlns:a16="http://schemas.microsoft.com/office/drawing/2014/main" id="{9A9F7D76-E21A-4933-8BBD-FBB86E9DE7EF}"/>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60" name="Text Box 9">
          <a:extLst>
            <a:ext uri="{FF2B5EF4-FFF2-40B4-BE49-F238E27FC236}">
              <a16:creationId xmlns:a16="http://schemas.microsoft.com/office/drawing/2014/main" id="{AAFB9468-FFFB-4701-950F-B8C4D43688A7}"/>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1</xdr:row>
      <xdr:rowOff>0</xdr:rowOff>
    </xdr:from>
    <xdr:to>
      <xdr:col>0</xdr:col>
      <xdr:colOff>63500</xdr:colOff>
      <xdr:row>1</xdr:row>
      <xdr:rowOff>0</xdr:rowOff>
    </xdr:to>
    <xdr:sp macro="" textlink="">
      <xdr:nvSpPr>
        <xdr:cNvPr id="61" name="Text Box 10">
          <a:extLst>
            <a:ext uri="{FF2B5EF4-FFF2-40B4-BE49-F238E27FC236}">
              <a16:creationId xmlns:a16="http://schemas.microsoft.com/office/drawing/2014/main" id="{09C461F0-9BED-4249-BCBC-65E996FD1B5A}"/>
            </a:ext>
          </a:extLst>
        </xdr:cNvPr>
        <xdr:cNvSpPr>
          <a:spLocks noChangeArrowheads="1"/>
        </xdr:cNvSpPr>
      </xdr:nvSpPr>
      <xdr:spPr bwMode="auto">
        <a:xfrm>
          <a:off x="9525" y="2571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62" name="Text Box 11">
          <a:extLst>
            <a:ext uri="{FF2B5EF4-FFF2-40B4-BE49-F238E27FC236}">
              <a16:creationId xmlns:a16="http://schemas.microsoft.com/office/drawing/2014/main" id="{FDC51468-F979-4F82-9799-3A894EFF556E}"/>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63" name="Text Box 12">
          <a:extLst>
            <a:ext uri="{FF2B5EF4-FFF2-40B4-BE49-F238E27FC236}">
              <a16:creationId xmlns:a16="http://schemas.microsoft.com/office/drawing/2014/main" id="{A1C64F15-D7DD-4BA4-80F2-2FEB40E00375}"/>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64" name="Text Box 13">
          <a:extLst>
            <a:ext uri="{FF2B5EF4-FFF2-40B4-BE49-F238E27FC236}">
              <a16:creationId xmlns:a16="http://schemas.microsoft.com/office/drawing/2014/main" id="{621E6063-D15B-46B4-942A-BFE48C84693B}"/>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70</xdr:row>
      <xdr:rowOff>0</xdr:rowOff>
    </xdr:from>
    <xdr:to>
      <xdr:col>10</xdr:col>
      <xdr:colOff>120650</xdr:colOff>
      <xdr:row>70</xdr:row>
      <xdr:rowOff>0</xdr:rowOff>
    </xdr:to>
    <xdr:sp macro="" textlink="">
      <xdr:nvSpPr>
        <xdr:cNvPr id="65" name="Text Box 14">
          <a:extLst>
            <a:ext uri="{FF2B5EF4-FFF2-40B4-BE49-F238E27FC236}">
              <a16:creationId xmlns:a16="http://schemas.microsoft.com/office/drawing/2014/main" id="{D2222972-6887-4480-9463-1C3D8D9B058B}"/>
            </a:ext>
          </a:extLst>
        </xdr:cNvPr>
        <xdr:cNvSpPr>
          <a:spLocks noChangeArrowheads="1"/>
        </xdr:cNvSpPr>
      </xdr:nvSpPr>
      <xdr:spPr bwMode="auto">
        <a:xfrm>
          <a:off x="14297025" y="190404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73</xdr:row>
      <xdr:rowOff>0</xdr:rowOff>
    </xdr:from>
    <xdr:to>
      <xdr:col>4</xdr:col>
      <xdr:colOff>857250</xdr:colOff>
      <xdr:row>73</xdr:row>
      <xdr:rowOff>0</xdr:rowOff>
    </xdr:to>
    <xdr:sp macro="" textlink="">
      <xdr:nvSpPr>
        <xdr:cNvPr id="66" name="Text Box 15">
          <a:extLst>
            <a:ext uri="{FF2B5EF4-FFF2-40B4-BE49-F238E27FC236}">
              <a16:creationId xmlns:a16="http://schemas.microsoft.com/office/drawing/2014/main" id="{860D0517-7A6A-41A5-8A45-0AD3AF8F5D40}"/>
            </a:ext>
          </a:extLst>
        </xdr:cNvPr>
        <xdr:cNvSpPr>
          <a:spLocks noChangeArrowheads="1"/>
        </xdr:cNvSpPr>
      </xdr:nvSpPr>
      <xdr:spPr bwMode="auto">
        <a:xfrm>
          <a:off x="6534150"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73</xdr:row>
      <xdr:rowOff>0</xdr:rowOff>
    </xdr:from>
    <xdr:to>
      <xdr:col>1</xdr:col>
      <xdr:colOff>577850</xdr:colOff>
      <xdr:row>73</xdr:row>
      <xdr:rowOff>0</xdr:rowOff>
    </xdr:to>
    <xdr:sp macro="" textlink="">
      <xdr:nvSpPr>
        <xdr:cNvPr id="67" name="Text Box 16">
          <a:extLst>
            <a:ext uri="{FF2B5EF4-FFF2-40B4-BE49-F238E27FC236}">
              <a16:creationId xmlns:a16="http://schemas.microsoft.com/office/drawing/2014/main" id="{EE32DDB7-3D11-4768-A77A-1AA9270EDE82}"/>
            </a:ext>
          </a:extLst>
        </xdr:cNvPr>
        <xdr:cNvSpPr>
          <a:spLocks noChangeArrowheads="1"/>
        </xdr:cNvSpPr>
      </xdr:nvSpPr>
      <xdr:spPr bwMode="auto">
        <a:xfrm>
          <a:off x="533400"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68" name="Text Box 17">
          <a:extLst>
            <a:ext uri="{FF2B5EF4-FFF2-40B4-BE49-F238E27FC236}">
              <a16:creationId xmlns:a16="http://schemas.microsoft.com/office/drawing/2014/main" id="{70B24B94-B17E-4B1D-9948-949D2C1575E8}"/>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69" name="Text Box 18">
          <a:extLst>
            <a:ext uri="{FF2B5EF4-FFF2-40B4-BE49-F238E27FC236}">
              <a16:creationId xmlns:a16="http://schemas.microsoft.com/office/drawing/2014/main" id="{6554E928-AA55-4A47-92E6-4C5B658B4EBD}"/>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70" name="Text Box 19">
          <a:extLst>
            <a:ext uri="{FF2B5EF4-FFF2-40B4-BE49-F238E27FC236}">
              <a16:creationId xmlns:a16="http://schemas.microsoft.com/office/drawing/2014/main" id="{241401FA-B4C6-4D42-B32B-66D92DCF29BB}"/>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70</xdr:row>
      <xdr:rowOff>0</xdr:rowOff>
    </xdr:from>
    <xdr:to>
      <xdr:col>0</xdr:col>
      <xdr:colOff>63500</xdr:colOff>
      <xdr:row>70</xdr:row>
      <xdr:rowOff>0</xdr:rowOff>
    </xdr:to>
    <xdr:sp macro="" textlink="">
      <xdr:nvSpPr>
        <xdr:cNvPr id="71" name="Text Box 20">
          <a:extLst>
            <a:ext uri="{FF2B5EF4-FFF2-40B4-BE49-F238E27FC236}">
              <a16:creationId xmlns:a16="http://schemas.microsoft.com/office/drawing/2014/main" id="{53A08D63-34A0-401A-9242-3E55F7EFC48F}"/>
            </a:ext>
          </a:extLst>
        </xdr:cNvPr>
        <xdr:cNvSpPr>
          <a:spLocks noChangeArrowheads="1"/>
        </xdr:cNvSpPr>
      </xdr:nvSpPr>
      <xdr:spPr bwMode="auto">
        <a:xfrm>
          <a:off x="9525" y="190404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139700</xdr:colOff>
      <xdr:row>70</xdr:row>
      <xdr:rowOff>0</xdr:rowOff>
    </xdr:from>
    <xdr:to>
      <xdr:col>6</xdr:col>
      <xdr:colOff>355600</xdr:colOff>
      <xdr:row>70</xdr:row>
      <xdr:rowOff>0</xdr:rowOff>
    </xdr:to>
    <xdr:sp macro="" textlink="">
      <xdr:nvSpPr>
        <xdr:cNvPr id="72" name="Text Box 21">
          <a:extLst>
            <a:ext uri="{FF2B5EF4-FFF2-40B4-BE49-F238E27FC236}">
              <a16:creationId xmlns:a16="http://schemas.microsoft.com/office/drawing/2014/main" id="{48CC2218-17CF-4128-B125-996077BE80B5}"/>
            </a:ext>
          </a:extLst>
        </xdr:cNvPr>
        <xdr:cNvSpPr>
          <a:spLocks noChangeArrowheads="1"/>
        </xdr:cNvSpPr>
      </xdr:nvSpPr>
      <xdr:spPr bwMode="auto">
        <a:xfrm>
          <a:off x="12058650" y="190404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22300</xdr:colOff>
      <xdr:row>73</xdr:row>
      <xdr:rowOff>0</xdr:rowOff>
    </xdr:from>
    <xdr:to>
      <xdr:col>4</xdr:col>
      <xdr:colOff>844550</xdr:colOff>
      <xdr:row>73</xdr:row>
      <xdr:rowOff>0</xdr:rowOff>
    </xdr:to>
    <xdr:sp macro="" textlink="">
      <xdr:nvSpPr>
        <xdr:cNvPr id="73" name="Text Box 22">
          <a:extLst>
            <a:ext uri="{FF2B5EF4-FFF2-40B4-BE49-F238E27FC236}">
              <a16:creationId xmlns:a16="http://schemas.microsoft.com/office/drawing/2014/main" id="{681F5A5C-D593-4E92-A7E2-65B2106E6971}"/>
            </a:ext>
          </a:extLst>
        </xdr:cNvPr>
        <xdr:cNvSpPr>
          <a:spLocks noChangeArrowheads="1"/>
        </xdr:cNvSpPr>
      </xdr:nvSpPr>
      <xdr:spPr bwMode="auto">
        <a:xfrm>
          <a:off x="6505575" y="19812000"/>
          <a:ext cx="2286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74" name="Text Box 23">
          <a:extLst>
            <a:ext uri="{FF2B5EF4-FFF2-40B4-BE49-F238E27FC236}">
              <a16:creationId xmlns:a16="http://schemas.microsoft.com/office/drawing/2014/main" id="{D6F53CF2-6B4F-454A-98DF-A21DA48645BA}"/>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75" name="Text Box 24">
          <a:extLst>
            <a:ext uri="{FF2B5EF4-FFF2-40B4-BE49-F238E27FC236}">
              <a16:creationId xmlns:a16="http://schemas.microsoft.com/office/drawing/2014/main" id="{9193AA4A-CD31-4E5C-991F-20DD1B65D9A2}"/>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76" name="Text Box 25">
          <a:extLst>
            <a:ext uri="{FF2B5EF4-FFF2-40B4-BE49-F238E27FC236}">
              <a16:creationId xmlns:a16="http://schemas.microsoft.com/office/drawing/2014/main" id="{C87E90AB-AE15-4D17-B2F0-045CCAA95135}"/>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77" name="Text Box 26">
          <a:extLst>
            <a:ext uri="{FF2B5EF4-FFF2-40B4-BE49-F238E27FC236}">
              <a16:creationId xmlns:a16="http://schemas.microsoft.com/office/drawing/2014/main" id="{DE9017FF-51E8-4A8C-AC20-9ECC1BBB60B7}"/>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46</xdr:row>
      <xdr:rowOff>0</xdr:rowOff>
    </xdr:from>
    <xdr:to>
      <xdr:col>0</xdr:col>
      <xdr:colOff>63500</xdr:colOff>
      <xdr:row>46</xdr:row>
      <xdr:rowOff>0</xdr:rowOff>
    </xdr:to>
    <xdr:sp macro="" textlink="">
      <xdr:nvSpPr>
        <xdr:cNvPr id="78" name="Text Box 27">
          <a:extLst>
            <a:ext uri="{FF2B5EF4-FFF2-40B4-BE49-F238E27FC236}">
              <a16:creationId xmlns:a16="http://schemas.microsoft.com/office/drawing/2014/main" id="{1CA031E7-A701-4375-9F9A-A992E45863E1}"/>
            </a:ext>
          </a:extLst>
        </xdr:cNvPr>
        <xdr:cNvSpPr>
          <a:spLocks noChangeArrowheads="1"/>
        </xdr:cNvSpPr>
      </xdr:nvSpPr>
      <xdr:spPr bwMode="auto">
        <a:xfrm>
          <a:off x="9525" y="124015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5</xdr:row>
      <xdr:rowOff>0</xdr:rowOff>
    </xdr:from>
    <xdr:to>
      <xdr:col>6</xdr:col>
      <xdr:colOff>171450</xdr:colOff>
      <xdr:row>55</xdr:row>
      <xdr:rowOff>0</xdr:rowOff>
    </xdr:to>
    <xdr:sp macro="" textlink="">
      <xdr:nvSpPr>
        <xdr:cNvPr id="79" name="Text Box 28">
          <a:extLst>
            <a:ext uri="{FF2B5EF4-FFF2-40B4-BE49-F238E27FC236}">
              <a16:creationId xmlns:a16="http://schemas.microsoft.com/office/drawing/2014/main" id="{E2F6794F-693C-4373-AC0F-D516F864BB76}"/>
            </a:ext>
          </a:extLst>
        </xdr:cNvPr>
        <xdr:cNvSpPr>
          <a:spLocks noChangeArrowheads="1"/>
        </xdr:cNvSpPr>
      </xdr:nvSpPr>
      <xdr:spPr bwMode="auto">
        <a:xfrm>
          <a:off x="10144125" y="14992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5</xdr:row>
      <xdr:rowOff>0</xdr:rowOff>
    </xdr:from>
    <xdr:to>
      <xdr:col>6</xdr:col>
      <xdr:colOff>171450</xdr:colOff>
      <xdr:row>55</xdr:row>
      <xdr:rowOff>0</xdr:rowOff>
    </xdr:to>
    <xdr:sp macro="" textlink="">
      <xdr:nvSpPr>
        <xdr:cNvPr id="80" name="Text Box 29">
          <a:extLst>
            <a:ext uri="{FF2B5EF4-FFF2-40B4-BE49-F238E27FC236}">
              <a16:creationId xmlns:a16="http://schemas.microsoft.com/office/drawing/2014/main" id="{7A14C897-9800-4FF3-BB6C-E06CDC30DB6E}"/>
            </a:ext>
          </a:extLst>
        </xdr:cNvPr>
        <xdr:cNvSpPr>
          <a:spLocks noChangeArrowheads="1"/>
        </xdr:cNvSpPr>
      </xdr:nvSpPr>
      <xdr:spPr bwMode="auto">
        <a:xfrm>
          <a:off x="10144125" y="14992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5</xdr:row>
      <xdr:rowOff>0</xdr:rowOff>
    </xdr:from>
    <xdr:to>
      <xdr:col>6</xdr:col>
      <xdr:colOff>171450</xdr:colOff>
      <xdr:row>55</xdr:row>
      <xdr:rowOff>0</xdr:rowOff>
    </xdr:to>
    <xdr:sp macro="" textlink="">
      <xdr:nvSpPr>
        <xdr:cNvPr id="81" name="Text Box 30">
          <a:extLst>
            <a:ext uri="{FF2B5EF4-FFF2-40B4-BE49-F238E27FC236}">
              <a16:creationId xmlns:a16="http://schemas.microsoft.com/office/drawing/2014/main" id="{22B7202A-62A2-4884-8C2D-4AC4AFC5067A}"/>
            </a:ext>
          </a:extLst>
        </xdr:cNvPr>
        <xdr:cNvSpPr>
          <a:spLocks noChangeArrowheads="1"/>
        </xdr:cNvSpPr>
      </xdr:nvSpPr>
      <xdr:spPr bwMode="auto">
        <a:xfrm>
          <a:off x="10144125" y="14992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55</xdr:row>
      <xdr:rowOff>0</xdr:rowOff>
    </xdr:from>
    <xdr:to>
      <xdr:col>10</xdr:col>
      <xdr:colOff>120650</xdr:colOff>
      <xdr:row>55</xdr:row>
      <xdr:rowOff>0</xdr:rowOff>
    </xdr:to>
    <xdr:sp macro="" textlink="">
      <xdr:nvSpPr>
        <xdr:cNvPr id="82" name="Text Box 31">
          <a:extLst>
            <a:ext uri="{FF2B5EF4-FFF2-40B4-BE49-F238E27FC236}">
              <a16:creationId xmlns:a16="http://schemas.microsoft.com/office/drawing/2014/main" id="{65EFAD59-F7DA-4094-B299-03633D11D702}"/>
            </a:ext>
          </a:extLst>
        </xdr:cNvPr>
        <xdr:cNvSpPr>
          <a:spLocks noChangeArrowheads="1"/>
        </xdr:cNvSpPr>
      </xdr:nvSpPr>
      <xdr:spPr bwMode="auto">
        <a:xfrm>
          <a:off x="14297025" y="14992350"/>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69</xdr:row>
      <xdr:rowOff>0</xdr:rowOff>
    </xdr:from>
    <xdr:to>
      <xdr:col>4</xdr:col>
      <xdr:colOff>857250</xdr:colOff>
      <xdr:row>69</xdr:row>
      <xdr:rowOff>0</xdr:rowOff>
    </xdr:to>
    <xdr:sp macro="" textlink="">
      <xdr:nvSpPr>
        <xdr:cNvPr id="83" name="Text Box 32">
          <a:extLst>
            <a:ext uri="{FF2B5EF4-FFF2-40B4-BE49-F238E27FC236}">
              <a16:creationId xmlns:a16="http://schemas.microsoft.com/office/drawing/2014/main" id="{8CBAB302-AFCE-457F-86E0-C964104BCA88}"/>
            </a:ext>
          </a:extLst>
        </xdr:cNvPr>
        <xdr:cNvSpPr>
          <a:spLocks noChangeArrowheads="1"/>
        </xdr:cNvSpPr>
      </xdr:nvSpPr>
      <xdr:spPr bwMode="auto">
        <a:xfrm>
          <a:off x="6534150"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69</xdr:row>
      <xdr:rowOff>0</xdr:rowOff>
    </xdr:from>
    <xdr:to>
      <xdr:col>1</xdr:col>
      <xdr:colOff>577850</xdr:colOff>
      <xdr:row>69</xdr:row>
      <xdr:rowOff>0</xdr:rowOff>
    </xdr:to>
    <xdr:sp macro="" textlink="">
      <xdr:nvSpPr>
        <xdr:cNvPr id="84" name="Text Box 33">
          <a:extLst>
            <a:ext uri="{FF2B5EF4-FFF2-40B4-BE49-F238E27FC236}">
              <a16:creationId xmlns:a16="http://schemas.microsoft.com/office/drawing/2014/main" id="{E6A80E2D-4498-488C-B1B6-84215545C6D2}"/>
            </a:ext>
          </a:extLst>
        </xdr:cNvPr>
        <xdr:cNvSpPr>
          <a:spLocks noChangeArrowheads="1"/>
        </xdr:cNvSpPr>
      </xdr:nvSpPr>
      <xdr:spPr bwMode="auto">
        <a:xfrm>
          <a:off x="533400"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85" name="Text Box 34">
          <a:extLst>
            <a:ext uri="{FF2B5EF4-FFF2-40B4-BE49-F238E27FC236}">
              <a16:creationId xmlns:a16="http://schemas.microsoft.com/office/drawing/2014/main" id="{94877A2D-7AA7-43F7-8864-9FE89C16FDBB}"/>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86" name="Text Box 35">
          <a:extLst>
            <a:ext uri="{FF2B5EF4-FFF2-40B4-BE49-F238E27FC236}">
              <a16:creationId xmlns:a16="http://schemas.microsoft.com/office/drawing/2014/main" id="{E5D57DBB-D533-4239-8976-4F0755696F9D}"/>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87" name="Text Box 36">
          <a:extLst>
            <a:ext uri="{FF2B5EF4-FFF2-40B4-BE49-F238E27FC236}">
              <a16:creationId xmlns:a16="http://schemas.microsoft.com/office/drawing/2014/main" id="{479E3DC0-89FE-456A-A8D8-D8503D639F4F}"/>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55</xdr:row>
      <xdr:rowOff>0</xdr:rowOff>
    </xdr:from>
    <xdr:to>
      <xdr:col>0</xdr:col>
      <xdr:colOff>63500</xdr:colOff>
      <xdr:row>55</xdr:row>
      <xdr:rowOff>0</xdr:rowOff>
    </xdr:to>
    <xdr:sp macro="" textlink="">
      <xdr:nvSpPr>
        <xdr:cNvPr id="88" name="Text Box 37">
          <a:extLst>
            <a:ext uri="{FF2B5EF4-FFF2-40B4-BE49-F238E27FC236}">
              <a16:creationId xmlns:a16="http://schemas.microsoft.com/office/drawing/2014/main" id="{2D782541-571D-4C12-9576-8962E108E4DA}"/>
            </a:ext>
          </a:extLst>
        </xdr:cNvPr>
        <xdr:cNvSpPr>
          <a:spLocks noChangeArrowheads="1"/>
        </xdr:cNvSpPr>
      </xdr:nvSpPr>
      <xdr:spPr bwMode="auto">
        <a:xfrm>
          <a:off x="9525" y="14992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69</xdr:row>
      <xdr:rowOff>0</xdr:rowOff>
    </xdr:from>
    <xdr:to>
      <xdr:col>0</xdr:col>
      <xdr:colOff>63500</xdr:colOff>
      <xdr:row>69</xdr:row>
      <xdr:rowOff>0</xdr:rowOff>
    </xdr:to>
    <xdr:sp macro="" textlink="">
      <xdr:nvSpPr>
        <xdr:cNvPr id="89" name="Text Box 38">
          <a:extLst>
            <a:ext uri="{FF2B5EF4-FFF2-40B4-BE49-F238E27FC236}">
              <a16:creationId xmlns:a16="http://schemas.microsoft.com/office/drawing/2014/main" id="{FA22CEFD-69CD-48A0-A9CB-D8E398F686CA}"/>
            </a:ext>
          </a:extLst>
        </xdr:cNvPr>
        <xdr:cNvSpPr>
          <a:spLocks noChangeArrowheads="1"/>
        </xdr:cNvSpPr>
      </xdr:nvSpPr>
      <xdr:spPr bwMode="auto">
        <a:xfrm>
          <a:off x="9525" y="187833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660400</xdr:colOff>
      <xdr:row>42</xdr:row>
      <xdr:rowOff>120650</xdr:rowOff>
    </xdr:from>
    <xdr:to>
      <xdr:col>5</xdr:col>
      <xdr:colOff>1911350</xdr:colOff>
      <xdr:row>49</xdr:row>
      <xdr:rowOff>82550</xdr:rowOff>
    </xdr:to>
    <xdr:sp macro="" textlink="" fLocksText="0">
      <xdr:nvSpPr>
        <xdr:cNvPr id="90" name="Rectangle 39">
          <a:extLst>
            <a:ext uri="{FF2B5EF4-FFF2-40B4-BE49-F238E27FC236}">
              <a16:creationId xmlns:a16="http://schemas.microsoft.com/office/drawing/2014/main" id="{EDCCF340-1210-44B5-9191-D883E0325AB8}"/>
            </a:ext>
          </a:extLst>
        </xdr:cNvPr>
        <xdr:cNvSpPr>
          <a:spLocks noChangeArrowheads="1"/>
        </xdr:cNvSpPr>
      </xdr:nvSpPr>
      <xdr:spPr bwMode="auto">
        <a:xfrm>
          <a:off x="819150" y="11496675"/>
          <a:ext cx="10077450" cy="17621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6350</xdr:colOff>
      <xdr:row>73</xdr:row>
      <xdr:rowOff>0</xdr:rowOff>
    </xdr:from>
    <xdr:to>
      <xdr:col>0</xdr:col>
      <xdr:colOff>63500</xdr:colOff>
      <xdr:row>73</xdr:row>
      <xdr:rowOff>0</xdr:rowOff>
    </xdr:to>
    <xdr:sp macro="" textlink="">
      <xdr:nvSpPr>
        <xdr:cNvPr id="91" name="Text Box 40">
          <a:extLst>
            <a:ext uri="{FF2B5EF4-FFF2-40B4-BE49-F238E27FC236}">
              <a16:creationId xmlns:a16="http://schemas.microsoft.com/office/drawing/2014/main" id="{FC76523D-2DDD-4F4D-8699-8B582350986D}"/>
            </a:ext>
          </a:extLst>
        </xdr:cNvPr>
        <xdr:cNvSpPr>
          <a:spLocks noChangeArrowheads="1"/>
        </xdr:cNvSpPr>
      </xdr:nvSpPr>
      <xdr:spPr bwMode="auto">
        <a:xfrm>
          <a:off x="9525" y="198120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92" name="Text Box 41">
          <a:extLst>
            <a:ext uri="{FF2B5EF4-FFF2-40B4-BE49-F238E27FC236}">
              <a16:creationId xmlns:a16="http://schemas.microsoft.com/office/drawing/2014/main" id="{030DD5A8-D1E1-41A7-861C-F3D97BA21139}"/>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93" name="Text Box 42">
          <a:extLst>
            <a:ext uri="{FF2B5EF4-FFF2-40B4-BE49-F238E27FC236}">
              <a16:creationId xmlns:a16="http://schemas.microsoft.com/office/drawing/2014/main" id="{DC3F9076-0973-4BEB-A423-5D3FE3B53F78}"/>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94" name="Text Box 43">
          <a:extLst>
            <a:ext uri="{FF2B5EF4-FFF2-40B4-BE49-F238E27FC236}">
              <a16:creationId xmlns:a16="http://schemas.microsoft.com/office/drawing/2014/main" id="{A245AF0A-17F6-4285-A582-E16828B3DCAD}"/>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73</xdr:row>
      <xdr:rowOff>0</xdr:rowOff>
    </xdr:from>
    <xdr:to>
      <xdr:col>10</xdr:col>
      <xdr:colOff>120650</xdr:colOff>
      <xdr:row>73</xdr:row>
      <xdr:rowOff>0</xdr:rowOff>
    </xdr:to>
    <xdr:sp macro="" textlink="">
      <xdr:nvSpPr>
        <xdr:cNvPr id="95" name="Text Box 44">
          <a:extLst>
            <a:ext uri="{FF2B5EF4-FFF2-40B4-BE49-F238E27FC236}">
              <a16:creationId xmlns:a16="http://schemas.microsoft.com/office/drawing/2014/main" id="{4032D211-5DE1-43E1-B89A-D203E2DCEDCE}"/>
            </a:ext>
          </a:extLst>
        </xdr:cNvPr>
        <xdr:cNvSpPr>
          <a:spLocks noChangeArrowheads="1"/>
        </xdr:cNvSpPr>
      </xdr:nvSpPr>
      <xdr:spPr bwMode="auto">
        <a:xfrm>
          <a:off x="14297025" y="19812000"/>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75</xdr:row>
      <xdr:rowOff>0</xdr:rowOff>
    </xdr:from>
    <xdr:to>
      <xdr:col>4</xdr:col>
      <xdr:colOff>857250</xdr:colOff>
      <xdr:row>75</xdr:row>
      <xdr:rowOff>0</xdr:rowOff>
    </xdr:to>
    <xdr:sp macro="" textlink="">
      <xdr:nvSpPr>
        <xdr:cNvPr id="96" name="Text Box 45">
          <a:extLst>
            <a:ext uri="{FF2B5EF4-FFF2-40B4-BE49-F238E27FC236}">
              <a16:creationId xmlns:a16="http://schemas.microsoft.com/office/drawing/2014/main" id="{6E9F2129-8167-4A36-A7D1-B448F46F76F7}"/>
            </a:ext>
          </a:extLst>
        </xdr:cNvPr>
        <xdr:cNvSpPr>
          <a:spLocks noChangeArrowheads="1"/>
        </xdr:cNvSpPr>
      </xdr:nvSpPr>
      <xdr:spPr bwMode="auto">
        <a:xfrm>
          <a:off x="6534150"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76</xdr:row>
      <xdr:rowOff>0</xdr:rowOff>
    </xdr:from>
    <xdr:to>
      <xdr:col>1</xdr:col>
      <xdr:colOff>577850</xdr:colOff>
      <xdr:row>76</xdr:row>
      <xdr:rowOff>0</xdr:rowOff>
    </xdr:to>
    <xdr:sp macro="" textlink="">
      <xdr:nvSpPr>
        <xdr:cNvPr id="97" name="Text Box 46">
          <a:extLst>
            <a:ext uri="{FF2B5EF4-FFF2-40B4-BE49-F238E27FC236}">
              <a16:creationId xmlns:a16="http://schemas.microsoft.com/office/drawing/2014/main" id="{8C4A3B2D-A4A9-47F5-B6C7-D3C782F196FC}"/>
            </a:ext>
          </a:extLst>
        </xdr:cNvPr>
        <xdr:cNvSpPr>
          <a:spLocks noChangeArrowheads="1"/>
        </xdr:cNvSpPr>
      </xdr:nvSpPr>
      <xdr:spPr bwMode="auto">
        <a:xfrm>
          <a:off x="533400" y="205835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98" name="Text Box 47">
          <a:extLst>
            <a:ext uri="{FF2B5EF4-FFF2-40B4-BE49-F238E27FC236}">
              <a16:creationId xmlns:a16="http://schemas.microsoft.com/office/drawing/2014/main" id="{3955368C-7085-463F-B109-3A0F8E0BB139}"/>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99" name="Text Box 48">
          <a:extLst>
            <a:ext uri="{FF2B5EF4-FFF2-40B4-BE49-F238E27FC236}">
              <a16:creationId xmlns:a16="http://schemas.microsoft.com/office/drawing/2014/main" id="{FCA2BB7A-370A-48E1-AF47-8171E57B15A5}"/>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100" name="Text Box 49">
          <a:extLst>
            <a:ext uri="{FF2B5EF4-FFF2-40B4-BE49-F238E27FC236}">
              <a16:creationId xmlns:a16="http://schemas.microsoft.com/office/drawing/2014/main" id="{7B37689D-2BB6-4C66-B025-517F9D04B692}"/>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73</xdr:row>
      <xdr:rowOff>0</xdr:rowOff>
    </xdr:from>
    <xdr:to>
      <xdr:col>0</xdr:col>
      <xdr:colOff>63500</xdr:colOff>
      <xdr:row>73</xdr:row>
      <xdr:rowOff>0</xdr:rowOff>
    </xdr:to>
    <xdr:sp macro="" textlink="">
      <xdr:nvSpPr>
        <xdr:cNvPr id="101" name="Text Box 50">
          <a:extLst>
            <a:ext uri="{FF2B5EF4-FFF2-40B4-BE49-F238E27FC236}">
              <a16:creationId xmlns:a16="http://schemas.microsoft.com/office/drawing/2014/main" id="{B652FB8E-E757-49F7-88CB-55BDCB7B7F12}"/>
            </a:ext>
          </a:extLst>
        </xdr:cNvPr>
        <xdr:cNvSpPr>
          <a:spLocks noChangeArrowheads="1"/>
        </xdr:cNvSpPr>
      </xdr:nvSpPr>
      <xdr:spPr bwMode="auto">
        <a:xfrm>
          <a:off x="9525" y="198120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102" name="Text Box 1">
          <a:extLst>
            <a:ext uri="{FF2B5EF4-FFF2-40B4-BE49-F238E27FC236}">
              <a16:creationId xmlns:a16="http://schemas.microsoft.com/office/drawing/2014/main" id="{6D3757F6-4F3D-46A3-814A-CD2A2DC87E0A}"/>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103" name="Text Box 2">
          <a:extLst>
            <a:ext uri="{FF2B5EF4-FFF2-40B4-BE49-F238E27FC236}">
              <a16:creationId xmlns:a16="http://schemas.microsoft.com/office/drawing/2014/main" id="{1FBAF150-E8C9-48EE-8720-7B44BDF39DBF}"/>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104" name="Text Box 3">
          <a:extLst>
            <a:ext uri="{FF2B5EF4-FFF2-40B4-BE49-F238E27FC236}">
              <a16:creationId xmlns:a16="http://schemas.microsoft.com/office/drawing/2014/main" id="{1D239944-6E94-47F0-BFBA-AB5725E08BA0}"/>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1</xdr:row>
      <xdr:rowOff>0</xdr:rowOff>
    </xdr:from>
    <xdr:to>
      <xdr:col>10</xdr:col>
      <xdr:colOff>120650</xdr:colOff>
      <xdr:row>1</xdr:row>
      <xdr:rowOff>0</xdr:rowOff>
    </xdr:to>
    <xdr:sp macro="" textlink="">
      <xdr:nvSpPr>
        <xdr:cNvPr id="105" name="Text Box 4">
          <a:extLst>
            <a:ext uri="{FF2B5EF4-FFF2-40B4-BE49-F238E27FC236}">
              <a16:creationId xmlns:a16="http://schemas.microsoft.com/office/drawing/2014/main" id="{A58134EC-CEBD-4E14-A70E-043463200503}"/>
            </a:ext>
          </a:extLst>
        </xdr:cNvPr>
        <xdr:cNvSpPr>
          <a:spLocks noChangeArrowheads="1"/>
        </xdr:cNvSpPr>
      </xdr:nvSpPr>
      <xdr:spPr bwMode="auto">
        <a:xfrm>
          <a:off x="14297025" y="2571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1</xdr:row>
      <xdr:rowOff>0</xdr:rowOff>
    </xdr:from>
    <xdr:to>
      <xdr:col>4</xdr:col>
      <xdr:colOff>857250</xdr:colOff>
      <xdr:row>1</xdr:row>
      <xdr:rowOff>0</xdr:rowOff>
    </xdr:to>
    <xdr:sp macro="" textlink="">
      <xdr:nvSpPr>
        <xdr:cNvPr id="106" name="Text Box 5">
          <a:extLst>
            <a:ext uri="{FF2B5EF4-FFF2-40B4-BE49-F238E27FC236}">
              <a16:creationId xmlns:a16="http://schemas.microsoft.com/office/drawing/2014/main" id="{5142A464-2C5C-4895-871B-5C15C58F5D80}"/>
            </a:ext>
          </a:extLst>
        </xdr:cNvPr>
        <xdr:cNvSpPr>
          <a:spLocks noChangeArrowheads="1"/>
        </xdr:cNvSpPr>
      </xdr:nvSpPr>
      <xdr:spPr bwMode="auto">
        <a:xfrm>
          <a:off x="6534150"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1</xdr:row>
      <xdr:rowOff>0</xdr:rowOff>
    </xdr:from>
    <xdr:to>
      <xdr:col>1</xdr:col>
      <xdr:colOff>577850</xdr:colOff>
      <xdr:row>1</xdr:row>
      <xdr:rowOff>0</xdr:rowOff>
    </xdr:to>
    <xdr:sp macro="" textlink="">
      <xdr:nvSpPr>
        <xdr:cNvPr id="107" name="Text Box 6">
          <a:extLst>
            <a:ext uri="{FF2B5EF4-FFF2-40B4-BE49-F238E27FC236}">
              <a16:creationId xmlns:a16="http://schemas.microsoft.com/office/drawing/2014/main" id="{7174C9A4-892C-4069-8876-A78B654B6836}"/>
            </a:ext>
          </a:extLst>
        </xdr:cNvPr>
        <xdr:cNvSpPr>
          <a:spLocks noChangeArrowheads="1"/>
        </xdr:cNvSpPr>
      </xdr:nvSpPr>
      <xdr:spPr bwMode="auto">
        <a:xfrm>
          <a:off x="533400"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108" name="Text Box 7">
          <a:extLst>
            <a:ext uri="{FF2B5EF4-FFF2-40B4-BE49-F238E27FC236}">
              <a16:creationId xmlns:a16="http://schemas.microsoft.com/office/drawing/2014/main" id="{49529D3A-1DBD-42B0-9FFE-B34579D444CC}"/>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109" name="Text Box 8">
          <a:extLst>
            <a:ext uri="{FF2B5EF4-FFF2-40B4-BE49-F238E27FC236}">
              <a16:creationId xmlns:a16="http://schemas.microsoft.com/office/drawing/2014/main" id="{3E8422E7-9D56-476A-85A9-53A182E1E49E}"/>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110" name="Text Box 9">
          <a:extLst>
            <a:ext uri="{FF2B5EF4-FFF2-40B4-BE49-F238E27FC236}">
              <a16:creationId xmlns:a16="http://schemas.microsoft.com/office/drawing/2014/main" id="{87D64B02-BB42-43FC-8EAE-D9165795591F}"/>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1</xdr:row>
      <xdr:rowOff>0</xdr:rowOff>
    </xdr:from>
    <xdr:to>
      <xdr:col>0</xdr:col>
      <xdr:colOff>63500</xdr:colOff>
      <xdr:row>1</xdr:row>
      <xdr:rowOff>0</xdr:rowOff>
    </xdr:to>
    <xdr:sp macro="" textlink="">
      <xdr:nvSpPr>
        <xdr:cNvPr id="111" name="Text Box 10">
          <a:extLst>
            <a:ext uri="{FF2B5EF4-FFF2-40B4-BE49-F238E27FC236}">
              <a16:creationId xmlns:a16="http://schemas.microsoft.com/office/drawing/2014/main" id="{52F20671-6744-4ADD-8982-03F0511F3DAD}"/>
            </a:ext>
          </a:extLst>
        </xdr:cNvPr>
        <xdr:cNvSpPr>
          <a:spLocks noChangeArrowheads="1"/>
        </xdr:cNvSpPr>
      </xdr:nvSpPr>
      <xdr:spPr bwMode="auto">
        <a:xfrm>
          <a:off x="9525" y="2571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12" name="Text Box 11">
          <a:extLst>
            <a:ext uri="{FF2B5EF4-FFF2-40B4-BE49-F238E27FC236}">
              <a16:creationId xmlns:a16="http://schemas.microsoft.com/office/drawing/2014/main" id="{37EC3CCB-A33F-499B-9243-B8532109BFF0}"/>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13" name="Text Box 12">
          <a:extLst>
            <a:ext uri="{FF2B5EF4-FFF2-40B4-BE49-F238E27FC236}">
              <a16:creationId xmlns:a16="http://schemas.microsoft.com/office/drawing/2014/main" id="{988FDD75-DE93-4DA3-B0E9-4A97222CE876}"/>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14" name="Text Box 13">
          <a:extLst>
            <a:ext uri="{FF2B5EF4-FFF2-40B4-BE49-F238E27FC236}">
              <a16:creationId xmlns:a16="http://schemas.microsoft.com/office/drawing/2014/main" id="{3C11DAA6-9953-40B4-9D23-BFE757E34CC7}"/>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70</xdr:row>
      <xdr:rowOff>0</xdr:rowOff>
    </xdr:from>
    <xdr:to>
      <xdr:col>10</xdr:col>
      <xdr:colOff>120650</xdr:colOff>
      <xdr:row>70</xdr:row>
      <xdr:rowOff>0</xdr:rowOff>
    </xdr:to>
    <xdr:sp macro="" textlink="">
      <xdr:nvSpPr>
        <xdr:cNvPr id="115" name="Text Box 14">
          <a:extLst>
            <a:ext uri="{FF2B5EF4-FFF2-40B4-BE49-F238E27FC236}">
              <a16:creationId xmlns:a16="http://schemas.microsoft.com/office/drawing/2014/main" id="{A44EFE8C-0FF9-441A-AA8C-B77C92A277CF}"/>
            </a:ext>
          </a:extLst>
        </xdr:cNvPr>
        <xdr:cNvSpPr>
          <a:spLocks noChangeArrowheads="1"/>
        </xdr:cNvSpPr>
      </xdr:nvSpPr>
      <xdr:spPr bwMode="auto">
        <a:xfrm>
          <a:off x="14297025" y="190404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73</xdr:row>
      <xdr:rowOff>0</xdr:rowOff>
    </xdr:from>
    <xdr:to>
      <xdr:col>4</xdr:col>
      <xdr:colOff>857250</xdr:colOff>
      <xdr:row>73</xdr:row>
      <xdr:rowOff>0</xdr:rowOff>
    </xdr:to>
    <xdr:sp macro="" textlink="">
      <xdr:nvSpPr>
        <xdr:cNvPr id="116" name="Text Box 15">
          <a:extLst>
            <a:ext uri="{FF2B5EF4-FFF2-40B4-BE49-F238E27FC236}">
              <a16:creationId xmlns:a16="http://schemas.microsoft.com/office/drawing/2014/main" id="{7233E7DE-13E7-43AC-B8BE-2D8FA454582A}"/>
            </a:ext>
          </a:extLst>
        </xdr:cNvPr>
        <xdr:cNvSpPr>
          <a:spLocks noChangeArrowheads="1"/>
        </xdr:cNvSpPr>
      </xdr:nvSpPr>
      <xdr:spPr bwMode="auto">
        <a:xfrm>
          <a:off x="6534150"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73</xdr:row>
      <xdr:rowOff>0</xdr:rowOff>
    </xdr:from>
    <xdr:to>
      <xdr:col>1</xdr:col>
      <xdr:colOff>577850</xdr:colOff>
      <xdr:row>73</xdr:row>
      <xdr:rowOff>0</xdr:rowOff>
    </xdr:to>
    <xdr:sp macro="" textlink="">
      <xdr:nvSpPr>
        <xdr:cNvPr id="117" name="Text Box 16">
          <a:extLst>
            <a:ext uri="{FF2B5EF4-FFF2-40B4-BE49-F238E27FC236}">
              <a16:creationId xmlns:a16="http://schemas.microsoft.com/office/drawing/2014/main" id="{0297EFA6-6118-4845-85DA-D0778A074242}"/>
            </a:ext>
          </a:extLst>
        </xdr:cNvPr>
        <xdr:cNvSpPr>
          <a:spLocks noChangeArrowheads="1"/>
        </xdr:cNvSpPr>
      </xdr:nvSpPr>
      <xdr:spPr bwMode="auto">
        <a:xfrm>
          <a:off x="533400"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18" name="Text Box 17">
          <a:extLst>
            <a:ext uri="{FF2B5EF4-FFF2-40B4-BE49-F238E27FC236}">
              <a16:creationId xmlns:a16="http://schemas.microsoft.com/office/drawing/2014/main" id="{0730DFD3-93C7-4E5F-91DA-EC56F9FEB998}"/>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19" name="Text Box 18">
          <a:extLst>
            <a:ext uri="{FF2B5EF4-FFF2-40B4-BE49-F238E27FC236}">
              <a16:creationId xmlns:a16="http://schemas.microsoft.com/office/drawing/2014/main" id="{ABF366A8-F839-40BB-8672-C4DDF2C59B02}"/>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20" name="Text Box 19">
          <a:extLst>
            <a:ext uri="{FF2B5EF4-FFF2-40B4-BE49-F238E27FC236}">
              <a16:creationId xmlns:a16="http://schemas.microsoft.com/office/drawing/2014/main" id="{DE6CBB31-ED66-48D2-AFA5-D04FA9DD5E1B}"/>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70</xdr:row>
      <xdr:rowOff>0</xdr:rowOff>
    </xdr:from>
    <xdr:to>
      <xdr:col>0</xdr:col>
      <xdr:colOff>63500</xdr:colOff>
      <xdr:row>70</xdr:row>
      <xdr:rowOff>0</xdr:rowOff>
    </xdr:to>
    <xdr:sp macro="" textlink="">
      <xdr:nvSpPr>
        <xdr:cNvPr id="121" name="Text Box 20">
          <a:extLst>
            <a:ext uri="{FF2B5EF4-FFF2-40B4-BE49-F238E27FC236}">
              <a16:creationId xmlns:a16="http://schemas.microsoft.com/office/drawing/2014/main" id="{E2AE2BA1-6212-43F5-B2C2-1469FA8D3F7A}"/>
            </a:ext>
          </a:extLst>
        </xdr:cNvPr>
        <xdr:cNvSpPr>
          <a:spLocks noChangeArrowheads="1"/>
        </xdr:cNvSpPr>
      </xdr:nvSpPr>
      <xdr:spPr bwMode="auto">
        <a:xfrm>
          <a:off x="9525" y="190404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139700</xdr:colOff>
      <xdr:row>70</xdr:row>
      <xdr:rowOff>0</xdr:rowOff>
    </xdr:from>
    <xdr:to>
      <xdr:col>6</xdr:col>
      <xdr:colOff>355600</xdr:colOff>
      <xdr:row>70</xdr:row>
      <xdr:rowOff>0</xdr:rowOff>
    </xdr:to>
    <xdr:sp macro="" textlink="">
      <xdr:nvSpPr>
        <xdr:cNvPr id="122" name="Text Box 21">
          <a:extLst>
            <a:ext uri="{FF2B5EF4-FFF2-40B4-BE49-F238E27FC236}">
              <a16:creationId xmlns:a16="http://schemas.microsoft.com/office/drawing/2014/main" id="{FC6E7FBF-4DE4-49A5-AC7D-E9F4941E86BF}"/>
            </a:ext>
          </a:extLst>
        </xdr:cNvPr>
        <xdr:cNvSpPr>
          <a:spLocks noChangeArrowheads="1"/>
        </xdr:cNvSpPr>
      </xdr:nvSpPr>
      <xdr:spPr bwMode="auto">
        <a:xfrm>
          <a:off x="12058650" y="190404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22300</xdr:colOff>
      <xdr:row>73</xdr:row>
      <xdr:rowOff>0</xdr:rowOff>
    </xdr:from>
    <xdr:to>
      <xdr:col>4</xdr:col>
      <xdr:colOff>844550</xdr:colOff>
      <xdr:row>73</xdr:row>
      <xdr:rowOff>0</xdr:rowOff>
    </xdr:to>
    <xdr:sp macro="" textlink="">
      <xdr:nvSpPr>
        <xdr:cNvPr id="123" name="Text Box 22">
          <a:extLst>
            <a:ext uri="{FF2B5EF4-FFF2-40B4-BE49-F238E27FC236}">
              <a16:creationId xmlns:a16="http://schemas.microsoft.com/office/drawing/2014/main" id="{60BA2FF3-61A7-4301-BEFF-FD47ACEA017F}"/>
            </a:ext>
          </a:extLst>
        </xdr:cNvPr>
        <xdr:cNvSpPr>
          <a:spLocks noChangeArrowheads="1"/>
        </xdr:cNvSpPr>
      </xdr:nvSpPr>
      <xdr:spPr bwMode="auto">
        <a:xfrm>
          <a:off x="6505575" y="19812000"/>
          <a:ext cx="2286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24" name="Text Box 23">
          <a:extLst>
            <a:ext uri="{FF2B5EF4-FFF2-40B4-BE49-F238E27FC236}">
              <a16:creationId xmlns:a16="http://schemas.microsoft.com/office/drawing/2014/main" id="{B64B8432-4B4C-4A08-A4B9-37E54C8AAE31}"/>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25" name="Text Box 24">
          <a:extLst>
            <a:ext uri="{FF2B5EF4-FFF2-40B4-BE49-F238E27FC236}">
              <a16:creationId xmlns:a16="http://schemas.microsoft.com/office/drawing/2014/main" id="{BE148B2B-96DF-4225-866C-4447FA9FC536}"/>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26" name="Text Box 25">
          <a:extLst>
            <a:ext uri="{FF2B5EF4-FFF2-40B4-BE49-F238E27FC236}">
              <a16:creationId xmlns:a16="http://schemas.microsoft.com/office/drawing/2014/main" id="{2EC426A5-FDFC-4F87-B551-1BC9A3A320BF}"/>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27" name="Text Box 26">
          <a:extLst>
            <a:ext uri="{FF2B5EF4-FFF2-40B4-BE49-F238E27FC236}">
              <a16:creationId xmlns:a16="http://schemas.microsoft.com/office/drawing/2014/main" id="{7FB79935-F9C5-473B-BEC8-F9D144C4277F}"/>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46</xdr:row>
      <xdr:rowOff>0</xdr:rowOff>
    </xdr:from>
    <xdr:to>
      <xdr:col>0</xdr:col>
      <xdr:colOff>63500</xdr:colOff>
      <xdr:row>46</xdr:row>
      <xdr:rowOff>0</xdr:rowOff>
    </xdr:to>
    <xdr:sp macro="" textlink="">
      <xdr:nvSpPr>
        <xdr:cNvPr id="128" name="Text Box 27">
          <a:extLst>
            <a:ext uri="{FF2B5EF4-FFF2-40B4-BE49-F238E27FC236}">
              <a16:creationId xmlns:a16="http://schemas.microsoft.com/office/drawing/2014/main" id="{5F9CF7A6-1163-4EA1-BBBE-7BB92DB848E4}"/>
            </a:ext>
          </a:extLst>
        </xdr:cNvPr>
        <xdr:cNvSpPr>
          <a:spLocks noChangeArrowheads="1"/>
        </xdr:cNvSpPr>
      </xdr:nvSpPr>
      <xdr:spPr bwMode="auto">
        <a:xfrm>
          <a:off x="9525" y="124015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4</xdr:row>
      <xdr:rowOff>0</xdr:rowOff>
    </xdr:from>
    <xdr:to>
      <xdr:col>6</xdr:col>
      <xdr:colOff>171450</xdr:colOff>
      <xdr:row>54</xdr:row>
      <xdr:rowOff>0</xdr:rowOff>
    </xdr:to>
    <xdr:sp macro="" textlink="">
      <xdr:nvSpPr>
        <xdr:cNvPr id="129" name="Text Box 28">
          <a:extLst>
            <a:ext uri="{FF2B5EF4-FFF2-40B4-BE49-F238E27FC236}">
              <a16:creationId xmlns:a16="http://schemas.microsoft.com/office/drawing/2014/main" id="{F81AE7D6-D9CD-4706-8F64-39704EA656EC}"/>
            </a:ext>
          </a:extLst>
        </xdr:cNvPr>
        <xdr:cNvSpPr>
          <a:spLocks noChangeArrowheads="1"/>
        </xdr:cNvSpPr>
      </xdr:nvSpPr>
      <xdr:spPr bwMode="auto">
        <a:xfrm>
          <a:off x="10144125" y="14735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4</xdr:row>
      <xdr:rowOff>0</xdr:rowOff>
    </xdr:from>
    <xdr:to>
      <xdr:col>6</xdr:col>
      <xdr:colOff>171450</xdr:colOff>
      <xdr:row>54</xdr:row>
      <xdr:rowOff>0</xdr:rowOff>
    </xdr:to>
    <xdr:sp macro="" textlink="">
      <xdr:nvSpPr>
        <xdr:cNvPr id="130" name="Text Box 29">
          <a:extLst>
            <a:ext uri="{FF2B5EF4-FFF2-40B4-BE49-F238E27FC236}">
              <a16:creationId xmlns:a16="http://schemas.microsoft.com/office/drawing/2014/main" id="{B0355730-2DE8-48DE-A212-8C6E9D8BF43E}"/>
            </a:ext>
          </a:extLst>
        </xdr:cNvPr>
        <xdr:cNvSpPr>
          <a:spLocks noChangeArrowheads="1"/>
        </xdr:cNvSpPr>
      </xdr:nvSpPr>
      <xdr:spPr bwMode="auto">
        <a:xfrm>
          <a:off x="10144125" y="14735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4</xdr:row>
      <xdr:rowOff>0</xdr:rowOff>
    </xdr:from>
    <xdr:to>
      <xdr:col>6</xdr:col>
      <xdr:colOff>171450</xdr:colOff>
      <xdr:row>54</xdr:row>
      <xdr:rowOff>0</xdr:rowOff>
    </xdr:to>
    <xdr:sp macro="" textlink="">
      <xdr:nvSpPr>
        <xdr:cNvPr id="131" name="Text Box 30">
          <a:extLst>
            <a:ext uri="{FF2B5EF4-FFF2-40B4-BE49-F238E27FC236}">
              <a16:creationId xmlns:a16="http://schemas.microsoft.com/office/drawing/2014/main" id="{6349E96D-41C7-4776-94FB-F33CF8083FBD}"/>
            </a:ext>
          </a:extLst>
        </xdr:cNvPr>
        <xdr:cNvSpPr>
          <a:spLocks noChangeArrowheads="1"/>
        </xdr:cNvSpPr>
      </xdr:nvSpPr>
      <xdr:spPr bwMode="auto">
        <a:xfrm>
          <a:off x="10144125" y="14735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54</xdr:row>
      <xdr:rowOff>0</xdr:rowOff>
    </xdr:from>
    <xdr:to>
      <xdr:col>10</xdr:col>
      <xdr:colOff>120650</xdr:colOff>
      <xdr:row>54</xdr:row>
      <xdr:rowOff>0</xdr:rowOff>
    </xdr:to>
    <xdr:sp macro="" textlink="">
      <xdr:nvSpPr>
        <xdr:cNvPr id="132" name="Text Box 31">
          <a:extLst>
            <a:ext uri="{FF2B5EF4-FFF2-40B4-BE49-F238E27FC236}">
              <a16:creationId xmlns:a16="http://schemas.microsoft.com/office/drawing/2014/main" id="{36A3F635-DA2F-4E2A-A26C-22B7350407D2}"/>
            </a:ext>
          </a:extLst>
        </xdr:cNvPr>
        <xdr:cNvSpPr>
          <a:spLocks noChangeArrowheads="1"/>
        </xdr:cNvSpPr>
      </xdr:nvSpPr>
      <xdr:spPr bwMode="auto">
        <a:xfrm>
          <a:off x="14297025" y="147351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69</xdr:row>
      <xdr:rowOff>0</xdr:rowOff>
    </xdr:from>
    <xdr:to>
      <xdr:col>4</xdr:col>
      <xdr:colOff>857250</xdr:colOff>
      <xdr:row>69</xdr:row>
      <xdr:rowOff>0</xdr:rowOff>
    </xdr:to>
    <xdr:sp macro="" textlink="">
      <xdr:nvSpPr>
        <xdr:cNvPr id="133" name="Text Box 32">
          <a:extLst>
            <a:ext uri="{FF2B5EF4-FFF2-40B4-BE49-F238E27FC236}">
              <a16:creationId xmlns:a16="http://schemas.microsoft.com/office/drawing/2014/main" id="{A8DC59B1-FAD8-498C-A96E-C5FD612EEAFA}"/>
            </a:ext>
          </a:extLst>
        </xdr:cNvPr>
        <xdr:cNvSpPr>
          <a:spLocks noChangeArrowheads="1"/>
        </xdr:cNvSpPr>
      </xdr:nvSpPr>
      <xdr:spPr bwMode="auto">
        <a:xfrm>
          <a:off x="6534150"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69</xdr:row>
      <xdr:rowOff>0</xdr:rowOff>
    </xdr:from>
    <xdr:to>
      <xdr:col>1</xdr:col>
      <xdr:colOff>577850</xdr:colOff>
      <xdr:row>69</xdr:row>
      <xdr:rowOff>0</xdr:rowOff>
    </xdr:to>
    <xdr:sp macro="" textlink="">
      <xdr:nvSpPr>
        <xdr:cNvPr id="134" name="Text Box 33">
          <a:extLst>
            <a:ext uri="{FF2B5EF4-FFF2-40B4-BE49-F238E27FC236}">
              <a16:creationId xmlns:a16="http://schemas.microsoft.com/office/drawing/2014/main" id="{3F662AAD-48DB-49FA-AEB1-9BA915D75737}"/>
            </a:ext>
          </a:extLst>
        </xdr:cNvPr>
        <xdr:cNvSpPr>
          <a:spLocks noChangeArrowheads="1"/>
        </xdr:cNvSpPr>
      </xdr:nvSpPr>
      <xdr:spPr bwMode="auto">
        <a:xfrm>
          <a:off x="533400"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135" name="Text Box 34">
          <a:extLst>
            <a:ext uri="{FF2B5EF4-FFF2-40B4-BE49-F238E27FC236}">
              <a16:creationId xmlns:a16="http://schemas.microsoft.com/office/drawing/2014/main" id="{09D33DC3-80BF-433B-BE88-41BB950DFB69}"/>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136" name="Text Box 35">
          <a:extLst>
            <a:ext uri="{FF2B5EF4-FFF2-40B4-BE49-F238E27FC236}">
              <a16:creationId xmlns:a16="http://schemas.microsoft.com/office/drawing/2014/main" id="{EA01406F-B48C-4535-996C-EC594EF34FFE}"/>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137" name="Text Box 36">
          <a:extLst>
            <a:ext uri="{FF2B5EF4-FFF2-40B4-BE49-F238E27FC236}">
              <a16:creationId xmlns:a16="http://schemas.microsoft.com/office/drawing/2014/main" id="{6DE8C939-466C-40EC-A513-B73502F27AEC}"/>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54</xdr:row>
      <xdr:rowOff>0</xdr:rowOff>
    </xdr:from>
    <xdr:to>
      <xdr:col>0</xdr:col>
      <xdr:colOff>63500</xdr:colOff>
      <xdr:row>54</xdr:row>
      <xdr:rowOff>0</xdr:rowOff>
    </xdr:to>
    <xdr:sp macro="" textlink="">
      <xdr:nvSpPr>
        <xdr:cNvPr id="138" name="Text Box 37">
          <a:extLst>
            <a:ext uri="{FF2B5EF4-FFF2-40B4-BE49-F238E27FC236}">
              <a16:creationId xmlns:a16="http://schemas.microsoft.com/office/drawing/2014/main" id="{24B3B767-A9E8-4A92-89A9-0E84DEBDF980}"/>
            </a:ext>
          </a:extLst>
        </xdr:cNvPr>
        <xdr:cNvSpPr>
          <a:spLocks noChangeArrowheads="1"/>
        </xdr:cNvSpPr>
      </xdr:nvSpPr>
      <xdr:spPr bwMode="auto">
        <a:xfrm>
          <a:off x="9525" y="147351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69</xdr:row>
      <xdr:rowOff>0</xdr:rowOff>
    </xdr:from>
    <xdr:to>
      <xdr:col>0</xdr:col>
      <xdr:colOff>63500</xdr:colOff>
      <xdr:row>69</xdr:row>
      <xdr:rowOff>0</xdr:rowOff>
    </xdr:to>
    <xdr:sp macro="" textlink="">
      <xdr:nvSpPr>
        <xdr:cNvPr id="139" name="Text Box 38">
          <a:extLst>
            <a:ext uri="{FF2B5EF4-FFF2-40B4-BE49-F238E27FC236}">
              <a16:creationId xmlns:a16="http://schemas.microsoft.com/office/drawing/2014/main" id="{EDD11DCB-B2AD-4BBE-A0EC-711A639DA1C0}"/>
            </a:ext>
          </a:extLst>
        </xdr:cNvPr>
        <xdr:cNvSpPr>
          <a:spLocks noChangeArrowheads="1"/>
        </xdr:cNvSpPr>
      </xdr:nvSpPr>
      <xdr:spPr bwMode="auto">
        <a:xfrm>
          <a:off x="9525" y="187833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660400</xdr:colOff>
      <xdr:row>42</xdr:row>
      <xdr:rowOff>120650</xdr:rowOff>
    </xdr:from>
    <xdr:to>
      <xdr:col>5</xdr:col>
      <xdr:colOff>1911350</xdr:colOff>
      <xdr:row>49</xdr:row>
      <xdr:rowOff>82550</xdr:rowOff>
    </xdr:to>
    <xdr:sp macro="" textlink="" fLocksText="0">
      <xdr:nvSpPr>
        <xdr:cNvPr id="140" name="Rectangle 39">
          <a:extLst>
            <a:ext uri="{FF2B5EF4-FFF2-40B4-BE49-F238E27FC236}">
              <a16:creationId xmlns:a16="http://schemas.microsoft.com/office/drawing/2014/main" id="{1415E7C1-4D57-4210-A594-0017EB17711A}"/>
            </a:ext>
          </a:extLst>
        </xdr:cNvPr>
        <xdr:cNvSpPr>
          <a:spLocks noChangeArrowheads="1"/>
        </xdr:cNvSpPr>
      </xdr:nvSpPr>
      <xdr:spPr bwMode="auto">
        <a:xfrm>
          <a:off x="819150" y="11496675"/>
          <a:ext cx="10077450" cy="17621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6350</xdr:colOff>
      <xdr:row>73</xdr:row>
      <xdr:rowOff>0</xdr:rowOff>
    </xdr:from>
    <xdr:to>
      <xdr:col>0</xdr:col>
      <xdr:colOff>63500</xdr:colOff>
      <xdr:row>73</xdr:row>
      <xdr:rowOff>0</xdr:rowOff>
    </xdr:to>
    <xdr:sp macro="" textlink="">
      <xdr:nvSpPr>
        <xdr:cNvPr id="141" name="Text Box 40">
          <a:extLst>
            <a:ext uri="{FF2B5EF4-FFF2-40B4-BE49-F238E27FC236}">
              <a16:creationId xmlns:a16="http://schemas.microsoft.com/office/drawing/2014/main" id="{528BA395-57AF-40FA-BBEE-925EA19972CB}"/>
            </a:ext>
          </a:extLst>
        </xdr:cNvPr>
        <xdr:cNvSpPr>
          <a:spLocks noChangeArrowheads="1"/>
        </xdr:cNvSpPr>
      </xdr:nvSpPr>
      <xdr:spPr bwMode="auto">
        <a:xfrm>
          <a:off x="9525" y="198120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142" name="Text Box 41">
          <a:extLst>
            <a:ext uri="{FF2B5EF4-FFF2-40B4-BE49-F238E27FC236}">
              <a16:creationId xmlns:a16="http://schemas.microsoft.com/office/drawing/2014/main" id="{E68849BE-4DEF-4242-9237-6CB0D73A715C}"/>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143" name="Text Box 42">
          <a:extLst>
            <a:ext uri="{FF2B5EF4-FFF2-40B4-BE49-F238E27FC236}">
              <a16:creationId xmlns:a16="http://schemas.microsoft.com/office/drawing/2014/main" id="{2656EBF6-0978-41DF-87A3-43D984953767}"/>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144" name="Text Box 43">
          <a:extLst>
            <a:ext uri="{FF2B5EF4-FFF2-40B4-BE49-F238E27FC236}">
              <a16:creationId xmlns:a16="http://schemas.microsoft.com/office/drawing/2014/main" id="{96116331-88C5-4AA1-A580-771FCD1BE350}"/>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73</xdr:row>
      <xdr:rowOff>0</xdr:rowOff>
    </xdr:from>
    <xdr:to>
      <xdr:col>10</xdr:col>
      <xdr:colOff>120650</xdr:colOff>
      <xdr:row>73</xdr:row>
      <xdr:rowOff>0</xdr:rowOff>
    </xdr:to>
    <xdr:sp macro="" textlink="">
      <xdr:nvSpPr>
        <xdr:cNvPr id="145" name="Text Box 44">
          <a:extLst>
            <a:ext uri="{FF2B5EF4-FFF2-40B4-BE49-F238E27FC236}">
              <a16:creationId xmlns:a16="http://schemas.microsoft.com/office/drawing/2014/main" id="{A723D10D-9AAB-4012-A5DE-EDB4A7975FD2}"/>
            </a:ext>
          </a:extLst>
        </xdr:cNvPr>
        <xdr:cNvSpPr>
          <a:spLocks noChangeArrowheads="1"/>
        </xdr:cNvSpPr>
      </xdr:nvSpPr>
      <xdr:spPr bwMode="auto">
        <a:xfrm>
          <a:off x="14297025" y="19812000"/>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75</xdr:row>
      <xdr:rowOff>0</xdr:rowOff>
    </xdr:from>
    <xdr:to>
      <xdr:col>4</xdr:col>
      <xdr:colOff>857250</xdr:colOff>
      <xdr:row>75</xdr:row>
      <xdr:rowOff>0</xdr:rowOff>
    </xdr:to>
    <xdr:sp macro="" textlink="">
      <xdr:nvSpPr>
        <xdr:cNvPr id="146" name="Text Box 45">
          <a:extLst>
            <a:ext uri="{FF2B5EF4-FFF2-40B4-BE49-F238E27FC236}">
              <a16:creationId xmlns:a16="http://schemas.microsoft.com/office/drawing/2014/main" id="{F2C551CD-C1BE-4A88-9C1A-109E83DCF7DA}"/>
            </a:ext>
          </a:extLst>
        </xdr:cNvPr>
        <xdr:cNvSpPr>
          <a:spLocks noChangeArrowheads="1"/>
        </xdr:cNvSpPr>
      </xdr:nvSpPr>
      <xdr:spPr bwMode="auto">
        <a:xfrm>
          <a:off x="6534150"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76</xdr:row>
      <xdr:rowOff>0</xdr:rowOff>
    </xdr:from>
    <xdr:to>
      <xdr:col>1</xdr:col>
      <xdr:colOff>577850</xdr:colOff>
      <xdr:row>76</xdr:row>
      <xdr:rowOff>0</xdr:rowOff>
    </xdr:to>
    <xdr:sp macro="" textlink="">
      <xdr:nvSpPr>
        <xdr:cNvPr id="147" name="Text Box 46">
          <a:extLst>
            <a:ext uri="{FF2B5EF4-FFF2-40B4-BE49-F238E27FC236}">
              <a16:creationId xmlns:a16="http://schemas.microsoft.com/office/drawing/2014/main" id="{B973FF66-788C-46B9-8822-4E06045D7D8A}"/>
            </a:ext>
          </a:extLst>
        </xdr:cNvPr>
        <xdr:cNvSpPr>
          <a:spLocks noChangeArrowheads="1"/>
        </xdr:cNvSpPr>
      </xdr:nvSpPr>
      <xdr:spPr bwMode="auto">
        <a:xfrm>
          <a:off x="533400" y="205835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148" name="Text Box 47">
          <a:extLst>
            <a:ext uri="{FF2B5EF4-FFF2-40B4-BE49-F238E27FC236}">
              <a16:creationId xmlns:a16="http://schemas.microsoft.com/office/drawing/2014/main" id="{2F68531C-1E75-43D9-A7B8-9B1EA15E4629}"/>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149" name="Text Box 48">
          <a:extLst>
            <a:ext uri="{FF2B5EF4-FFF2-40B4-BE49-F238E27FC236}">
              <a16:creationId xmlns:a16="http://schemas.microsoft.com/office/drawing/2014/main" id="{43D44E50-B722-47B3-8C4D-82AD2C3C4B8E}"/>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150" name="Text Box 49">
          <a:extLst>
            <a:ext uri="{FF2B5EF4-FFF2-40B4-BE49-F238E27FC236}">
              <a16:creationId xmlns:a16="http://schemas.microsoft.com/office/drawing/2014/main" id="{872AA2DD-5524-42E8-AE24-61F291002553}"/>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73</xdr:row>
      <xdr:rowOff>0</xdr:rowOff>
    </xdr:from>
    <xdr:to>
      <xdr:col>0</xdr:col>
      <xdr:colOff>63500</xdr:colOff>
      <xdr:row>73</xdr:row>
      <xdr:rowOff>0</xdr:rowOff>
    </xdr:to>
    <xdr:sp macro="" textlink="">
      <xdr:nvSpPr>
        <xdr:cNvPr id="151" name="Text Box 50">
          <a:extLst>
            <a:ext uri="{FF2B5EF4-FFF2-40B4-BE49-F238E27FC236}">
              <a16:creationId xmlns:a16="http://schemas.microsoft.com/office/drawing/2014/main" id="{C1D43375-5E90-46AE-BA80-18987B69DE7B}"/>
            </a:ext>
          </a:extLst>
        </xdr:cNvPr>
        <xdr:cNvSpPr>
          <a:spLocks noChangeArrowheads="1"/>
        </xdr:cNvSpPr>
      </xdr:nvSpPr>
      <xdr:spPr bwMode="auto">
        <a:xfrm>
          <a:off x="9525" y="198120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152" name="Text Box 1">
          <a:extLst>
            <a:ext uri="{FF2B5EF4-FFF2-40B4-BE49-F238E27FC236}">
              <a16:creationId xmlns:a16="http://schemas.microsoft.com/office/drawing/2014/main" id="{85B88385-900E-46A6-9472-F1ADF524079C}"/>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153" name="Text Box 2">
          <a:extLst>
            <a:ext uri="{FF2B5EF4-FFF2-40B4-BE49-F238E27FC236}">
              <a16:creationId xmlns:a16="http://schemas.microsoft.com/office/drawing/2014/main" id="{DADB67AD-A937-4D60-9981-7B61E2E9040C}"/>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154" name="Text Box 3">
          <a:extLst>
            <a:ext uri="{FF2B5EF4-FFF2-40B4-BE49-F238E27FC236}">
              <a16:creationId xmlns:a16="http://schemas.microsoft.com/office/drawing/2014/main" id="{AE99141A-7F9E-4048-A7A6-44CD79E200E5}"/>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1</xdr:row>
      <xdr:rowOff>0</xdr:rowOff>
    </xdr:from>
    <xdr:to>
      <xdr:col>10</xdr:col>
      <xdr:colOff>120650</xdr:colOff>
      <xdr:row>1</xdr:row>
      <xdr:rowOff>0</xdr:rowOff>
    </xdr:to>
    <xdr:sp macro="" textlink="">
      <xdr:nvSpPr>
        <xdr:cNvPr id="155" name="Text Box 4">
          <a:extLst>
            <a:ext uri="{FF2B5EF4-FFF2-40B4-BE49-F238E27FC236}">
              <a16:creationId xmlns:a16="http://schemas.microsoft.com/office/drawing/2014/main" id="{C0375786-768A-4236-ABED-498096A47852}"/>
            </a:ext>
          </a:extLst>
        </xdr:cNvPr>
        <xdr:cNvSpPr>
          <a:spLocks noChangeArrowheads="1"/>
        </xdr:cNvSpPr>
      </xdr:nvSpPr>
      <xdr:spPr bwMode="auto">
        <a:xfrm>
          <a:off x="14297025" y="2571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1</xdr:row>
      <xdr:rowOff>0</xdr:rowOff>
    </xdr:from>
    <xdr:to>
      <xdr:col>4</xdr:col>
      <xdr:colOff>857250</xdr:colOff>
      <xdr:row>1</xdr:row>
      <xdr:rowOff>0</xdr:rowOff>
    </xdr:to>
    <xdr:sp macro="" textlink="">
      <xdr:nvSpPr>
        <xdr:cNvPr id="156" name="Text Box 5">
          <a:extLst>
            <a:ext uri="{FF2B5EF4-FFF2-40B4-BE49-F238E27FC236}">
              <a16:creationId xmlns:a16="http://schemas.microsoft.com/office/drawing/2014/main" id="{A5FC8B52-D6B4-4BA2-A68D-02CA7EF35A68}"/>
            </a:ext>
          </a:extLst>
        </xdr:cNvPr>
        <xdr:cNvSpPr>
          <a:spLocks noChangeArrowheads="1"/>
        </xdr:cNvSpPr>
      </xdr:nvSpPr>
      <xdr:spPr bwMode="auto">
        <a:xfrm>
          <a:off x="6534150"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157" name="Text Box 7">
          <a:extLst>
            <a:ext uri="{FF2B5EF4-FFF2-40B4-BE49-F238E27FC236}">
              <a16:creationId xmlns:a16="http://schemas.microsoft.com/office/drawing/2014/main" id="{C68D91EB-347A-43E3-8540-183239C80F0D}"/>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158" name="Text Box 8">
          <a:extLst>
            <a:ext uri="{FF2B5EF4-FFF2-40B4-BE49-F238E27FC236}">
              <a16:creationId xmlns:a16="http://schemas.microsoft.com/office/drawing/2014/main" id="{530845BB-2C0F-438D-BB84-1760581274A7}"/>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9000</xdr:colOff>
      <xdr:row>1</xdr:row>
      <xdr:rowOff>0</xdr:rowOff>
    </xdr:to>
    <xdr:sp macro="" textlink="">
      <xdr:nvSpPr>
        <xdr:cNvPr id="159" name="Text Box 9">
          <a:extLst>
            <a:ext uri="{FF2B5EF4-FFF2-40B4-BE49-F238E27FC236}">
              <a16:creationId xmlns:a16="http://schemas.microsoft.com/office/drawing/2014/main" id="{CC019AFF-9FC4-4D0A-B80A-EC0A7BA58004}"/>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1</xdr:row>
      <xdr:rowOff>0</xdr:rowOff>
    </xdr:from>
    <xdr:to>
      <xdr:col>0</xdr:col>
      <xdr:colOff>63500</xdr:colOff>
      <xdr:row>1</xdr:row>
      <xdr:rowOff>0</xdr:rowOff>
    </xdr:to>
    <xdr:sp macro="" textlink="">
      <xdr:nvSpPr>
        <xdr:cNvPr id="160" name="Text Box 10">
          <a:extLst>
            <a:ext uri="{FF2B5EF4-FFF2-40B4-BE49-F238E27FC236}">
              <a16:creationId xmlns:a16="http://schemas.microsoft.com/office/drawing/2014/main" id="{BF3587A2-D15D-47EC-B9C6-C56A618310AC}"/>
            </a:ext>
          </a:extLst>
        </xdr:cNvPr>
        <xdr:cNvSpPr>
          <a:spLocks noChangeArrowheads="1"/>
        </xdr:cNvSpPr>
      </xdr:nvSpPr>
      <xdr:spPr bwMode="auto">
        <a:xfrm>
          <a:off x="9525" y="2571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61" name="Text Box 11">
          <a:extLst>
            <a:ext uri="{FF2B5EF4-FFF2-40B4-BE49-F238E27FC236}">
              <a16:creationId xmlns:a16="http://schemas.microsoft.com/office/drawing/2014/main" id="{3F6877EF-10D4-4159-827D-96140DB38376}"/>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62" name="Text Box 12">
          <a:extLst>
            <a:ext uri="{FF2B5EF4-FFF2-40B4-BE49-F238E27FC236}">
              <a16:creationId xmlns:a16="http://schemas.microsoft.com/office/drawing/2014/main" id="{018B6B2D-E0F8-462A-A6E1-18FA6A2F092C}"/>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63" name="Text Box 13">
          <a:extLst>
            <a:ext uri="{FF2B5EF4-FFF2-40B4-BE49-F238E27FC236}">
              <a16:creationId xmlns:a16="http://schemas.microsoft.com/office/drawing/2014/main" id="{6296AC5E-F74F-4F3B-8799-B8B10ED48148}"/>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70</xdr:row>
      <xdr:rowOff>0</xdr:rowOff>
    </xdr:from>
    <xdr:to>
      <xdr:col>10</xdr:col>
      <xdr:colOff>120650</xdr:colOff>
      <xdr:row>70</xdr:row>
      <xdr:rowOff>0</xdr:rowOff>
    </xdr:to>
    <xdr:sp macro="" textlink="">
      <xdr:nvSpPr>
        <xdr:cNvPr id="164" name="Text Box 14">
          <a:extLst>
            <a:ext uri="{FF2B5EF4-FFF2-40B4-BE49-F238E27FC236}">
              <a16:creationId xmlns:a16="http://schemas.microsoft.com/office/drawing/2014/main" id="{321D6D94-7F31-4E56-B7FE-FE22B9CDA408}"/>
            </a:ext>
          </a:extLst>
        </xdr:cNvPr>
        <xdr:cNvSpPr>
          <a:spLocks noChangeArrowheads="1"/>
        </xdr:cNvSpPr>
      </xdr:nvSpPr>
      <xdr:spPr bwMode="auto">
        <a:xfrm>
          <a:off x="14297025" y="190404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73</xdr:row>
      <xdr:rowOff>0</xdr:rowOff>
    </xdr:from>
    <xdr:to>
      <xdr:col>4</xdr:col>
      <xdr:colOff>857250</xdr:colOff>
      <xdr:row>73</xdr:row>
      <xdr:rowOff>0</xdr:rowOff>
    </xdr:to>
    <xdr:sp macro="" textlink="">
      <xdr:nvSpPr>
        <xdr:cNvPr id="165" name="Text Box 15">
          <a:extLst>
            <a:ext uri="{FF2B5EF4-FFF2-40B4-BE49-F238E27FC236}">
              <a16:creationId xmlns:a16="http://schemas.microsoft.com/office/drawing/2014/main" id="{A4CFE211-6130-4C54-B08E-B2E7C9001EB8}"/>
            </a:ext>
          </a:extLst>
        </xdr:cNvPr>
        <xdr:cNvSpPr>
          <a:spLocks noChangeArrowheads="1"/>
        </xdr:cNvSpPr>
      </xdr:nvSpPr>
      <xdr:spPr bwMode="auto">
        <a:xfrm>
          <a:off x="6534150"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73</xdr:row>
      <xdr:rowOff>0</xdr:rowOff>
    </xdr:from>
    <xdr:to>
      <xdr:col>1</xdr:col>
      <xdr:colOff>577850</xdr:colOff>
      <xdr:row>73</xdr:row>
      <xdr:rowOff>0</xdr:rowOff>
    </xdr:to>
    <xdr:sp macro="" textlink="">
      <xdr:nvSpPr>
        <xdr:cNvPr id="166" name="Text Box 16">
          <a:extLst>
            <a:ext uri="{FF2B5EF4-FFF2-40B4-BE49-F238E27FC236}">
              <a16:creationId xmlns:a16="http://schemas.microsoft.com/office/drawing/2014/main" id="{0AA8B21A-C59E-446C-91FC-DCE72DA59652}"/>
            </a:ext>
          </a:extLst>
        </xdr:cNvPr>
        <xdr:cNvSpPr>
          <a:spLocks noChangeArrowheads="1"/>
        </xdr:cNvSpPr>
      </xdr:nvSpPr>
      <xdr:spPr bwMode="auto">
        <a:xfrm>
          <a:off x="533400"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67" name="Text Box 17">
          <a:extLst>
            <a:ext uri="{FF2B5EF4-FFF2-40B4-BE49-F238E27FC236}">
              <a16:creationId xmlns:a16="http://schemas.microsoft.com/office/drawing/2014/main" id="{961C450F-0835-4CA0-AC5D-10DDC0C26C41}"/>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68" name="Text Box 18">
          <a:extLst>
            <a:ext uri="{FF2B5EF4-FFF2-40B4-BE49-F238E27FC236}">
              <a16:creationId xmlns:a16="http://schemas.microsoft.com/office/drawing/2014/main" id="{09425432-9FF4-4B3C-86CA-B7F6CE54864E}"/>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69" name="Text Box 19">
          <a:extLst>
            <a:ext uri="{FF2B5EF4-FFF2-40B4-BE49-F238E27FC236}">
              <a16:creationId xmlns:a16="http://schemas.microsoft.com/office/drawing/2014/main" id="{478AB393-A342-481B-AF3E-A72785371E31}"/>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70</xdr:row>
      <xdr:rowOff>0</xdr:rowOff>
    </xdr:from>
    <xdr:to>
      <xdr:col>0</xdr:col>
      <xdr:colOff>63500</xdr:colOff>
      <xdr:row>70</xdr:row>
      <xdr:rowOff>0</xdr:rowOff>
    </xdr:to>
    <xdr:sp macro="" textlink="">
      <xdr:nvSpPr>
        <xdr:cNvPr id="170" name="Text Box 20">
          <a:extLst>
            <a:ext uri="{FF2B5EF4-FFF2-40B4-BE49-F238E27FC236}">
              <a16:creationId xmlns:a16="http://schemas.microsoft.com/office/drawing/2014/main" id="{0E643D06-4222-4A29-8C09-DD126D92BB7A}"/>
            </a:ext>
          </a:extLst>
        </xdr:cNvPr>
        <xdr:cNvSpPr>
          <a:spLocks noChangeArrowheads="1"/>
        </xdr:cNvSpPr>
      </xdr:nvSpPr>
      <xdr:spPr bwMode="auto">
        <a:xfrm>
          <a:off x="9525" y="190404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139700</xdr:colOff>
      <xdr:row>70</xdr:row>
      <xdr:rowOff>0</xdr:rowOff>
    </xdr:from>
    <xdr:to>
      <xdr:col>6</xdr:col>
      <xdr:colOff>355600</xdr:colOff>
      <xdr:row>70</xdr:row>
      <xdr:rowOff>0</xdr:rowOff>
    </xdr:to>
    <xdr:sp macro="" textlink="">
      <xdr:nvSpPr>
        <xdr:cNvPr id="171" name="Text Box 21">
          <a:extLst>
            <a:ext uri="{FF2B5EF4-FFF2-40B4-BE49-F238E27FC236}">
              <a16:creationId xmlns:a16="http://schemas.microsoft.com/office/drawing/2014/main" id="{B3E2EA7A-95F4-4624-9A8E-BFCFF64B09A0}"/>
            </a:ext>
          </a:extLst>
        </xdr:cNvPr>
        <xdr:cNvSpPr>
          <a:spLocks noChangeArrowheads="1"/>
        </xdr:cNvSpPr>
      </xdr:nvSpPr>
      <xdr:spPr bwMode="auto">
        <a:xfrm>
          <a:off x="12058650" y="190404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22300</xdr:colOff>
      <xdr:row>73</xdr:row>
      <xdr:rowOff>0</xdr:rowOff>
    </xdr:from>
    <xdr:to>
      <xdr:col>4</xdr:col>
      <xdr:colOff>844550</xdr:colOff>
      <xdr:row>73</xdr:row>
      <xdr:rowOff>0</xdr:rowOff>
    </xdr:to>
    <xdr:sp macro="" textlink="">
      <xdr:nvSpPr>
        <xdr:cNvPr id="172" name="Text Box 22">
          <a:extLst>
            <a:ext uri="{FF2B5EF4-FFF2-40B4-BE49-F238E27FC236}">
              <a16:creationId xmlns:a16="http://schemas.microsoft.com/office/drawing/2014/main" id="{6B89C22F-A786-41A7-9599-85E7639633F8}"/>
            </a:ext>
          </a:extLst>
        </xdr:cNvPr>
        <xdr:cNvSpPr>
          <a:spLocks noChangeArrowheads="1"/>
        </xdr:cNvSpPr>
      </xdr:nvSpPr>
      <xdr:spPr bwMode="auto">
        <a:xfrm>
          <a:off x="6505575" y="19812000"/>
          <a:ext cx="2286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73" name="Text Box 23">
          <a:extLst>
            <a:ext uri="{FF2B5EF4-FFF2-40B4-BE49-F238E27FC236}">
              <a16:creationId xmlns:a16="http://schemas.microsoft.com/office/drawing/2014/main" id="{8E2A4097-7340-4E9C-9059-A7EE2582A4A7}"/>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74" name="Text Box 24">
          <a:extLst>
            <a:ext uri="{FF2B5EF4-FFF2-40B4-BE49-F238E27FC236}">
              <a16:creationId xmlns:a16="http://schemas.microsoft.com/office/drawing/2014/main" id="{887E113E-A6E0-4341-AC5E-93A26F2110BE}"/>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0</xdr:row>
      <xdr:rowOff>0</xdr:rowOff>
    </xdr:from>
    <xdr:to>
      <xdr:col>6</xdr:col>
      <xdr:colOff>171450</xdr:colOff>
      <xdr:row>70</xdr:row>
      <xdr:rowOff>0</xdr:rowOff>
    </xdr:to>
    <xdr:sp macro="" textlink="">
      <xdr:nvSpPr>
        <xdr:cNvPr id="175" name="Text Box 25">
          <a:extLst>
            <a:ext uri="{FF2B5EF4-FFF2-40B4-BE49-F238E27FC236}">
              <a16:creationId xmlns:a16="http://schemas.microsoft.com/office/drawing/2014/main" id="{B1B8A25F-D164-4539-A9B2-0DFD9EF79F8A}"/>
            </a:ext>
          </a:extLst>
        </xdr:cNvPr>
        <xdr:cNvSpPr>
          <a:spLocks noChangeArrowheads="1"/>
        </xdr:cNvSpPr>
      </xdr:nvSpPr>
      <xdr:spPr bwMode="auto">
        <a:xfrm>
          <a:off x="10144125" y="190404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3</xdr:row>
      <xdr:rowOff>0</xdr:rowOff>
    </xdr:from>
    <xdr:to>
      <xdr:col>4</xdr:col>
      <xdr:colOff>889000</xdr:colOff>
      <xdr:row>73</xdr:row>
      <xdr:rowOff>0</xdr:rowOff>
    </xdr:to>
    <xdr:sp macro="" textlink="">
      <xdr:nvSpPr>
        <xdr:cNvPr id="176" name="Text Box 26">
          <a:extLst>
            <a:ext uri="{FF2B5EF4-FFF2-40B4-BE49-F238E27FC236}">
              <a16:creationId xmlns:a16="http://schemas.microsoft.com/office/drawing/2014/main" id="{53B2DBB4-B97B-4917-8C1A-5923E91FD33E}"/>
            </a:ext>
          </a:extLst>
        </xdr:cNvPr>
        <xdr:cNvSpPr>
          <a:spLocks noChangeArrowheads="1"/>
        </xdr:cNvSpPr>
      </xdr:nvSpPr>
      <xdr:spPr bwMode="auto">
        <a:xfrm>
          <a:off x="6562725" y="198120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46</xdr:row>
      <xdr:rowOff>0</xdr:rowOff>
    </xdr:from>
    <xdr:to>
      <xdr:col>0</xdr:col>
      <xdr:colOff>63500</xdr:colOff>
      <xdr:row>46</xdr:row>
      <xdr:rowOff>0</xdr:rowOff>
    </xdr:to>
    <xdr:sp macro="" textlink="">
      <xdr:nvSpPr>
        <xdr:cNvPr id="177" name="Text Box 27">
          <a:extLst>
            <a:ext uri="{FF2B5EF4-FFF2-40B4-BE49-F238E27FC236}">
              <a16:creationId xmlns:a16="http://schemas.microsoft.com/office/drawing/2014/main" id="{AD385D4F-CEAF-41DF-98A7-BD8190EFB5C5}"/>
            </a:ext>
          </a:extLst>
        </xdr:cNvPr>
        <xdr:cNvSpPr>
          <a:spLocks noChangeArrowheads="1"/>
        </xdr:cNvSpPr>
      </xdr:nvSpPr>
      <xdr:spPr bwMode="auto">
        <a:xfrm>
          <a:off x="9525" y="124015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4</xdr:row>
      <xdr:rowOff>0</xdr:rowOff>
    </xdr:from>
    <xdr:to>
      <xdr:col>6</xdr:col>
      <xdr:colOff>171450</xdr:colOff>
      <xdr:row>54</xdr:row>
      <xdr:rowOff>0</xdr:rowOff>
    </xdr:to>
    <xdr:sp macro="" textlink="">
      <xdr:nvSpPr>
        <xdr:cNvPr id="178" name="Text Box 28">
          <a:extLst>
            <a:ext uri="{FF2B5EF4-FFF2-40B4-BE49-F238E27FC236}">
              <a16:creationId xmlns:a16="http://schemas.microsoft.com/office/drawing/2014/main" id="{EF59794B-53E5-4CBD-84CC-1250FE421443}"/>
            </a:ext>
          </a:extLst>
        </xdr:cNvPr>
        <xdr:cNvSpPr>
          <a:spLocks noChangeArrowheads="1"/>
        </xdr:cNvSpPr>
      </xdr:nvSpPr>
      <xdr:spPr bwMode="auto">
        <a:xfrm>
          <a:off x="10144125" y="14735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4</xdr:row>
      <xdr:rowOff>0</xdr:rowOff>
    </xdr:from>
    <xdr:to>
      <xdr:col>6</xdr:col>
      <xdr:colOff>171450</xdr:colOff>
      <xdr:row>54</xdr:row>
      <xdr:rowOff>0</xdr:rowOff>
    </xdr:to>
    <xdr:sp macro="" textlink="">
      <xdr:nvSpPr>
        <xdr:cNvPr id="179" name="Text Box 29">
          <a:extLst>
            <a:ext uri="{FF2B5EF4-FFF2-40B4-BE49-F238E27FC236}">
              <a16:creationId xmlns:a16="http://schemas.microsoft.com/office/drawing/2014/main" id="{4A68F7B1-56E4-42FD-8DCA-CAC168EA3C2B}"/>
            </a:ext>
          </a:extLst>
        </xdr:cNvPr>
        <xdr:cNvSpPr>
          <a:spLocks noChangeArrowheads="1"/>
        </xdr:cNvSpPr>
      </xdr:nvSpPr>
      <xdr:spPr bwMode="auto">
        <a:xfrm>
          <a:off x="10144125" y="14735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54</xdr:row>
      <xdr:rowOff>0</xdr:rowOff>
    </xdr:from>
    <xdr:to>
      <xdr:col>6</xdr:col>
      <xdr:colOff>171450</xdr:colOff>
      <xdr:row>54</xdr:row>
      <xdr:rowOff>0</xdr:rowOff>
    </xdr:to>
    <xdr:sp macro="" textlink="">
      <xdr:nvSpPr>
        <xdr:cNvPr id="180" name="Text Box 30">
          <a:extLst>
            <a:ext uri="{FF2B5EF4-FFF2-40B4-BE49-F238E27FC236}">
              <a16:creationId xmlns:a16="http://schemas.microsoft.com/office/drawing/2014/main" id="{F49C41CA-88A7-496C-8034-6A7C058560C5}"/>
            </a:ext>
          </a:extLst>
        </xdr:cNvPr>
        <xdr:cNvSpPr>
          <a:spLocks noChangeArrowheads="1"/>
        </xdr:cNvSpPr>
      </xdr:nvSpPr>
      <xdr:spPr bwMode="auto">
        <a:xfrm>
          <a:off x="10144125" y="14735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54</xdr:row>
      <xdr:rowOff>0</xdr:rowOff>
    </xdr:from>
    <xdr:to>
      <xdr:col>10</xdr:col>
      <xdr:colOff>120650</xdr:colOff>
      <xdr:row>54</xdr:row>
      <xdr:rowOff>0</xdr:rowOff>
    </xdr:to>
    <xdr:sp macro="" textlink="">
      <xdr:nvSpPr>
        <xdr:cNvPr id="181" name="Text Box 31">
          <a:extLst>
            <a:ext uri="{FF2B5EF4-FFF2-40B4-BE49-F238E27FC236}">
              <a16:creationId xmlns:a16="http://schemas.microsoft.com/office/drawing/2014/main" id="{E7303962-A924-42F2-BAE5-2DA78977272D}"/>
            </a:ext>
          </a:extLst>
        </xdr:cNvPr>
        <xdr:cNvSpPr>
          <a:spLocks noChangeArrowheads="1"/>
        </xdr:cNvSpPr>
      </xdr:nvSpPr>
      <xdr:spPr bwMode="auto">
        <a:xfrm>
          <a:off x="14297025" y="14735175"/>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69</xdr:row>
      <xdr:rowOff>0</xdr:rowOff>
    </xdr:from>
    <xdr:to>
      <xdr:col>4</xdr:col>
      <xdr:colOff>857250</xdr:colOff>
      <xdr:row>69</xdr:row>
      <xdr:rowOff>0</xdr:rowOff>
    </xdr:to>
    <xdr:sp macro="" textlink="">
      <xdr:nvSpPr>
        <xdr:cNvPr id="182" name="Text Box 32">
          <a:extLst>
            <a:ext uri="{FF2B5EF4-FFF2-40B4-BE49-F238E27FC236}">
              <a16:creationId xmlns:a16="http://schemas.microsoft.com/office/drawing/2014/main" id="{FC053551-85D2-4A7F-BB95-07D252365F51}"/>
            </a:ext>
          </a:extLst>
        </xdr:cNvPr>
        <xdr:cNvSpPr>
          <a:spLocks noChangeArrowheads="1"/>
        </xdr:cNvSpPr>
      </xdr:nvSpPr>
      <xdr:spPr bwMode="auto">
        <a:xfrm>
          <a:off x="6534150"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69</xdr:row>
      <xdr:rowOff>0</xdr:rowOff>
    </xdr:from>
    <xdr:to>
      <xdr:col>1</xdr:col>
      <xdr:colOff>577850</xdr:colOff>
      <xdr:row>69</xdr:row>
      <xdr:rowOff>0</xdr:rowOff>
    </xdr:to>
    <xdr:sp macro="" textlink="">
      <xdr:nvSpPr>
        <xdr:cNvPr id="183" name="Text Box 33">
          <a:extLst>
            <a:ext uri="{FF2B5EF4-FFF2-40B4-BE49-F238E27FC236}">
              <a16:creationId xmlns:a16="http://schemas.microsoft.com/office/drawing/2014/main" id="{2D034601-EBE0-4487-A19A-0A54863B4890}"/>
            </a:ext>
          </a:extLst>
        </xdr:cNvPr>
        <xdr:cNvSpPr>
          <a:spLocks noChangeArrowheads="1"/>
        </xdr:cNvSpPr>
      </xdr:nvSpPr>
      <xdr:spPr bwMode="auto">
        <a:xfrm>
          <a:off x="533400"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184" name="Text Box 34">
          <a:extLst>
            <a:ext uri="{FF2B5EF4-FFF2-40B4-BE49-F238E27FC236}">
              <a16:creationId xmlns:a16="http://schemas.microsoft.com/office/drawing/2014/main" id="{BCA18BBE-1C74-4400-9ED6-C8B8A0236C5D}"/>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185" name="Text Box 35">
          <a:extLst>
            <a:ext uri="{FF2B5EF4-FFF2-40B4-BE49-F238E27FC236}">
              <a16:creationId xmlns:a16="http://schemas.microsoft.com/office/drawing/2014/main" id="{1664E1C8-E54D-4A26-AEA8-1E3D32B834FC}"/>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69</xdr:row>
      <xdr:rowOff>0</xdr:rowOff>
    </xdr:from>
    <xdr:to>
      <xdr:col>4</xdr:col>
      <xdr:colOff>889000</xdr:colOff>
      <xdr:row>69</xdr:row>
      <xdr:rowOff>0</xdr:rowOff>
    </xdr:to>
    <xdr:sp macro="" textlink="">
      <xdr:nvSpPr>
        <xdr:cNvPr id="186" name="Text Box 36">
          <a:extLst>
            <a:ext uri="{FF2B5EF4-FFF2-40B4-BE49-F238E27FC236}">
              <a16:creationId xmlns:a16="http://schemas.microsoft.com/office/drawing/2014/main" id="{258E4974-3EA7-453A-93D8-EA9B8EB64579}"/>
            </a:ext>
          </a:extLst>
        </xdr:cNvPr>
        <xdr:cNvSpPr>
          <a:spLocks noChangeArrowheads="1"/>
        </xdr:cNvSpPr>
      </xdr:nvSpPr>
      <xdr:spPr bwMode="auto">
        <a:xfrm>
          <a:off x="6562725" y="1878330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54</xdr:row>
      <xdr:rowOff>0</xdr:rowOff>
    </xdr:from>
    <xdr:to>
      <xdr:col>0</xdr:col>
      <xdr:colOff>63500</xdr:colOff>
      <xdr:row>54</xdr:row>
      <xdr:rowOff>0</xdr:rowOff>
    </xdr:to>
    <xdr:sp macro="" textlink="">
      <xdr:nvSpPr>
        <xdr:cNvPr id="187" name="Text Box 37">
          <a:extLst>
            <a:ext uri="{FF2B5EF4-FFF2-40B4-BE49-F238E27FC236}">
              <a16:creationId xmlns:a16="http://schemas.microsoft.com/office/drawing/2014/main" id="{08457F21-7C6C-497A-9CEB-F74A8C7843BA}"/>
            </a:ext>
          </a:extLst>
        </xdr:cNvPr>
        <xdr:cNvSpPr>
          <a:spLocks noChangeArrowheads="1"/>
        </xdr:cNvSpPr>
      </xdr:nvSpPr>
      <xdr:spPr bwMode="auto">
        <a:xfrm>
          <a:off x="9525" y="147351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69</xdr:row>
      <xdr:rowOff>0</xdr:rowOff>
    </xdr:from>
    <xdr:to>
      <xdr:col>0</xdr:col>
      <xdr:colOff>63500</xdr:colOff>
      <xdr:row>69</xdr:row>
      <xdr:rowOff>0</xdr:rowOff>
    </xdr:to>
    <xdr:sp macro="" textlink="">
      <xdr:nvSpPr>
        <xdr:cNvPr id="188" name="Text Box 38">
          <a:extLst>
            <a:ext uri="{FF2B5EF4-FFF2-40B4-BE49-F238E27FC236}">
              <a16:creationId xmlns:a16="http://schemas.microsoft.com/office/drawing/2014/main" id="{1EDA42EF-46DC-477C-B5AF-F5C819762EE7}"/>
            </a:ext>
          </a:extLst>
        </xdr:cNvPr>
        <xdr:cNvSpPr>
          <a:spLocks noChangeArrowheads="1"/>
        </xdr:cNvSpPr>
      </xdr:nvSpPr>
      <xdr:spPr bwMode="auto">
        <a:xfrm>
          <a:off x="9525" y="187833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660400</xdr:colOff>
      <xdr:row>42</xdr:row>
      <xdr:rowOff>120650</xdr:rowOff>
    </xdr:from>
    <xdr:to>
      <xdr:col>5</xdr:col>
      <xdr:colOff>1911350</xdr:colOff>
      <xdr:row>49</xdr:row>
      <xdr:rowOff>82550</xdr:rowOff>
    </xdr:to>
    <xdr:sp macro="" textlink="" fLocksText="0">
      <xdr:nvSpPr>
        <xdr:cNvPr id="189" name="Rectangle 39">
          <a:extLst>
            <a:ext uri="{FF2B5EF4-FFF2-40B4-BE49-F238E27FC236}">
              <a16:creationId xmlns:a16="http://schemas.microsoft.com/office/drawing/2014/main" id="{06ABC6A2-967D-48AF-97BC-A1A00325527F}"/>
            </a:ext>
          </a:extLst>
        </xdr:cNvPr>
        <xdr:cNvSpPr>
          <a:spLocks noChangeArrowheads="1"/>
        </xdr:cNvSpPr>
      </xdr:nvSpPr>
      <xdr:spPr bwMode="auto">
        <a:xfrm>
          <a:off x="819150" y="11496675"/>
          <a:ext cx="10077450" cy="17621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6350</xdr:colOff>
      <xdr:row>73</xdr:row>
      <xdr:rowOff>0</xdr:rowOff>
    </xdr:from>
    <xdr:to>
      <xdr:col>0</xdr:col>
      <xdr:colOff>63500</xdr:colOff>
      <xdr:row>73</xdr:row>
      <xdr:rowOff>0</xdr:rowOff>
    </xdr:to>
    <xdr:sp macro="" textlink="">
      <xdr:nvSpPr>
        <xdr:cNvPr id="190" name="Text Box 40">
          <a:extLst>
            <a:ext uri="{FF2B5EF4-FFF2-40B4-BE49-F238E27FC236}">
              <a16:creationId xmlns:a16="http://schemas.microsoft.com/office/drawing/2014/main" id="{2F81B48E-E949-456E-8944-E69945F81551}"/>
            </a:ext>
          </a:extLst>
        </xdr:cNvPr>
        <xdr:cNvSpPr>
          <a:spLocks noChangeArrowheads="1"/>
        </xdr:cNvSpPr>
      </xdr:nvSpPr>
      <xdr:spPr bwMode="auto">
        <a:xfrm>
          <a:off x="9525" y="198120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191" name="Text Box 41">
          <a:extLst>
            <a:ext uri="{FF2B5EF4-FFF2-40B4-BE49-F238E27FC236}">
              <a16:creationId xmlns:a16="http://schemas.microsoft.com/office/drawing/2014/main" id="{A93883A9-63C0-47C1-8561-04C0499CDD17}"/>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192" name="Text Box 42">
          <a:extLst>
            <a:ext uri="{FF2B5EF4-FFF2-40B4-BE49-F238E27FC236}">
              <a16:creationId xmlns:a16="http://schemas.microsoft.com/office/drawing/2014/main" id="{9909058E-C5EA-49AF-9493-CD8E5CF2663E}"/>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73</xdr:row>
      <xdr:rowOff>0</xdr:rowOff>
    </xdr:from>
    <xdr:to>
      <xdr:col>6</xdr:col>
      <xdr:colOff>171450</xdr:colOff>
      <xdr:row>73</xdr:row>
      <xdr:rowOff>0</xdr:rowOff>
    </xdr:to>
    <xdr:sp macro="" textlink="">
      <xdr:nvSpPr>
        <xdr:cNvPr id="193" name="Text Box 43">
          <a:extLst>
            <a:ext uri="{FF2B5EF4-FFF2-40B4-BE49-F238E27FC236}">
              <a16:creationId xmlns:a16="http://schemas.microsoft.com/office/drawing/2014/main" id="{8F58047B-7D44-4779-832B-9BC8A29ACF15}"/>
            </a:ext>
          </a:extLst>
        </xdr:cNvPr>
        <xdr:cNvSpPr>
          <a:spLocks noChangeArrowheads="1"/>
        </xdr:cNvSpPr>
      </xdr:nvSpPr>
      <xdr:spPr bwMode="auto">
        <a:xfrm>
          <a:off x="10144125" y="1981200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9850</xdr:colOff>
      <xdr:row>73</xdr:row>
      <xdr:rowOff>0</xdr:rowOff>
    </xdr:from>
    <xdr:to>
      <xdr:col>10</xdr:col>
      <xdr:colOff>120650</xdr:colOff>
      <xdr:row>73</xdr:row>
      <xdr:rowOff>0</xdr:rowOff>
    </xdr:to>
    <xdr:sp macro="" textlink="">
      <xdr:nvSpPr>
        <xdr:cNvPr id="194" name="Text Box 44">
          <a:extLst>
            <a:ext uri="{FF2B5EF4-FFF2-40B4-BE49-F238E27FC236}">
              <a16:creationId xmlns:a16="http://schemas.microsoft.com/office/drawing/2014/main" id="{F35765A4-F119-4B7C-B33E-3F68D818E4F5}"/>
            </a:ext>
          </a:extLst>
        </xdr:cNvPr>
        <xdr:cNvSpPr>
          <a:spLocks noChangeArrowheads="1"/>
        </xdr:cNvSpPr>
      </xdr:nvSpPr>
      <xdr:spPr bwMode="auto">
        <a:xfrm>
          <a:off x="14297025" y="19812000"/>
          <a:ext cx="4286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75</xdr:row>
      <xdr:rowOff>0</xdr:rowOff>
    </xdr:from>
    <xdr:to>
      <xdr:col>4</xdr:col>
      <xdr:colOff>857250</xdr:colOff>
      <xdr:row>75</xdr:row>
      <xdr:rowOff>0</xdr:rowOff>
    </xdr:to>
    <xdr:sp macro="" textlink="">
      <xdr:nvSpPr>
        <xdr:cNvPr id="195" name="Text Box 45">
          <a:extLst>
            <a:ext uri="{FF2B5EF4-FFF2-40B4-BE49-F238E27FC236}">
              <a16:creationId xmlns:a16="http://schemas.microsoft.com/office/drawing/2014/main" id="{CC89FDF8-99FE-4BC4-9370-D3587A430D25}"/>
            </a:ext>
          </a:extLst>
        </xdr:cNvPr>
        <xdr:cNvSpPr>
          <a:spLocks noChangeArrowheads="1"/>
        </xdr:cNvSpPr>
      </xdr:nvSpPr>
      <xdr:spPr bwMode="auto">
        <a:xfrm>
          <a:off x="6534150"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8300</xdr:colOff>
      <xdr:row>76</xdr:row>
      <xdr:rowOff>0</xdr:rowOff>
    </xdr:from>
    <xdr:to>
      <xdr:col>1</xdr:col>
      <xdr:colOff>577850</xdr:colOff>
      <xdr:row>76</xdr:row>
      <xdr:rowOff>0</xdr:rowOff>
    </xdr:to>
    <xdr:sp macro="" textlink="">
      <xdr:nvSpPr>
        <xdr:cNvPr id="196" name="Text Box 46">
          <a:extLst>
            <a:ext uri="{FF2B5EF4-FFF2-40B4-BE49-F238E27FC236}">
              <a16:creationId xmlns:a16="http://schemas.microsoft.com/office/drawing/2014/main" id="{57C3AFA4-27E7-4020-BD2A-9B4F657CEB27}"/>
            </a:ext>
          </a:extLst>
        </xdr:cNvPr>
        <xdr:cNvSpPr>
          <a:spLocks noChangeArrowheads="1"/>
        </xdr:cNvSpPr>
      </xdr:nvSpPr>
      <xdr:spPr bwMode="auto">
        <a:xfrm>
          <a:off x="533400" y="205835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197" name="Text Box 47">
          <a:extLst>
            <a:ext uri="{FF2B5EF4-FFF2-40B4-BE49-F238E27FC236}">
              <a16:creationId xmlns:a16="http://schemas.microsoft.com/office/drawing/2014/main" id="{A9B5948B-12FB-41A5-A398-6815E15C0117}"/>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198" name="Text Box 48">
          <a:extLst>
            <a:ext uri="{FF2B5EF4-FFF2-40B4-BE49-F238E27FC236}">
              <a16:creationId xmlns:a16="http://schemas.microsoft.com/office/drawing/2014/main" id="{96AD3069-4178-4461-B835-CCE2ADCBB860}"/>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75</xdr:row>
      <xdr:rowOff>0</xdr:rowOff>
    </xdr:from>
    <xdr:to>
      <xdr:col>4</xdr:col>
      <xdr:colOff>889000</xdr:colOff>
      <xdr:row>75</xdr:row>
      <xdr:rowOff>0</xdr:rowOff>
    </xdr:to>
    <xdr:sp macro="" textlink="">
      <xdr:nvSpPr>
        <xdr:cNvPr id="199" name="Text Box 49">
          <a:extLst>
            <a:ext uri="{FF2B5EF4-FFF2-40B4-BE49-F238E27FC236}">
              <a16:creationId xmlns:a16="http://schemas.microsoft.com/office/drawing/2014/main" id="{1DF127BE-DEF9-4D48-BD65-AD480634BCB9}"/>
            </a:ext>
          </a:extLst>
        </xdr:cNvPr>
        <xdr:cNvSpPr>
          <a:spLocks noChangeArrowheads="1"/>
        </xdr:cNvSpPr>
      </xdr:nvSpPr>
      <xdr:spPr bwMode="auto">
        <a:xfrm>
          <a:off x="6562725" y="20326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73</xdr:row>
      <xdr:rowOff>0</xdr:rowOff>
    </xdr:from>
    <xdr:to>
      <xdr:col>0</xdr:col>
      <xdr:colOff>63500</xdr:colOff>
      <xdr:row>73</xdr:row>
      <xdr:rowOff>0</xdr:rowOff>
    </xdr:to>
    <xdr:sp macro="" textlink="">
      <xdr:nvSpPr>
        <xdr:cNvPr id="200" name="Text Box 50">
          <a:extLst>
            <a:ext uri="{FF2B5EF4-FFF2-40B4-BE49-F238E27FC236}">
              <a16:creationId xmlns:a16="http://schemas.microsoft.com/office/drawing/2014/main" id="{B6B833AC-86E8-4BC7-A0F6-42437B6BDEDB}"/>
            </a:ext>
          </a:extLst>
        </xdr:cNvPr>
        <xdr:cNvSpPr>
          <a:spLocks noChangeArrowheads="1"/>
        </xdr:cNvSpPr>
      </xdr:nvSpPr>
      <xdr:spPr bwMode="auto">
        <a:xfrm>
          <a:off x="9525" y="1981200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E96AA7-EEA7-4C94-8DEE-8042D97CE324}">
  <sheetPr>
    <pageSetUpPr fitToPage="1"/>
  </sheetPr>
  <dimension ref="A2:AF23"/>
  <sheetViews>
    <sheetView tabSelected="1" view="pageBreakPreview" zoomScale="70" zoomScaleNormal="70" zoomScaleSheetLayoutView="70" workbookViewId="0">
      <selection activeCell="B34" sqref="B34:K34"/>
    </sheetView>
  </sheetViews>
  <sheetFormatPr defaultColWidth="9" defaultRowHeight="14.5"/>
  <cols>
    <col min="1" max="2" width="4.26953125" style="5" customWidth="1"/>
    <col min="3" max="3" width="25" style="3" customWidth="1"/>
    <col min="4" max="4" width="4.90625" style="3" customWidth="1"/>
    <col min="5" max="5" width="41.6328125" style="3" customWidth="1"/>
    <col min="6" max="6" width="4.90625" style="3" customWidth="1"/>
    <col min="7" max="7" width="19.6328125" style="3" customWidth="1"/>
    <col min="8" max="8" width="33.90625" style="3" customWidth="1"/>
    <col min="9" max="24" width="5.36328125" style="3" customWidth="1"/>
    <col min="25" max="32" width="4.90625" style="3" customWidth="1"/>
    <col min="33" max="256" width="9" style="3"/>
    <col min="257" max="258" width="4.26953125" style="3" customWidth="1"/>
    <col min="259" max="259" width="25" style="3" customWidth="1"/>
    <col min="260" max="260" width="4.90625" style="3" customWidth="1"/>
    <col min="261" max="261" width="41.6328125" style="3" customWidth="1"/>
    <col min="262" max="262" width="4.90625" style="3" customWidth="1"/>
    <col min="263" max="263" width="19.6328125" style="3" customWidth="1"/>
    <col min="264" max="264" width="33.90625" style="3" customWidth="1"/>
    <col min="265" max="280" width="5.36328125" style="3" customWidth="1"/>
    <col min="281" max="288" width="4.90625" style="3" customWidth="1"/>
    <col min="289" max="512" width="9" style="3"/>
    <col min="513" max="514" width="4.26953125" style="3" customWidth="1"/>
    <col min="515" max="515" width="25" style="3" customWidth="1"/>
    <col min="516" max="516" width="4.90625" style="3" customWidth="1"/>
    <col min="517" max="517" width="41.6328125" style="3" customWidth="1"/>
    <col min="518" max="518" width="4.90625" style="3" customWidth="1"/>
    <col min="519" max="519" width="19.6328125" style="3" customWidth="1"/>
    <col min="520" max="520" width="33.90625" style="3" customWidth="1"/>
    <col min="521" max="536" width="5.36328125" style="3" customWidth="1"/>
    <col min="537" max="544" width="4.90625" style="3" customWidth="1"/>
    <col min="545" max="768" width="9" style="3"/>
    <col min="769" max="770" width="4.26953125" style="3" customWidth="1"/>
    <col min="771" max="771" width="25" style="3" customWidth="1"/>
    <col min="772" max="772" width="4.90625" style="3" customWidth="1"/>
    <col min="773" max="773" width="41.6328125" style="3" customWidth="1"/>
    <col min="774" max="774" width="4.90625" style="3" customWidth="1"/>
    <col min="775" max="775" width="19.6328125" style="3" customWidth="1"/>
    <col min="776" max="776" width="33.90625" style="3" customWidth="1"/>
    <col min="777" max="792" width="5.36328125" style="3" customWidth="1"/>
    <col min="793" max="800" width="4.90625" style="3" customWidth="1"/>
    <col min="801" max="1024" width="9" style="3"/>
    <col min="1025" max="1026" width="4.26953125" style="3" customWidth="1"/>
    <col min="1027" max="1027" width="25" style="3" customWidth="1"/>
    <col min="1028" max="1028" width="4.90625" style="3" customWidth="1"/>
    <col min="1029" max="1029" width="41.6328125" style="3" customWidth="1"/>
    <col min="1030" max="1030" width="4.90625" style="3" customWidth="1"/>
    <col min="1031" max="1031" width="19.6328125" style="3" customWidth="1"/>
    <col min="1032" max="1032" width="33.90625" style="3" customWidth="1"/>
    <col min="1033" max="1048" width="5.36328125" style="3" customWidth="1"/>
    <col min="1049" max="1056" width="4.90625" style="3" customWidth="1"/>
    <col min="1057" max="1280" width="9" style="3"/>
    <col min="1281" max="1282" width="4.26953125" style="3" customWidth="1"/>
    <col min="1283" max="1283" width="25" style="3" customWidth="1"/>
    <col min="1284" max="1284" width="4.90625" style="3" customWidth="1"/>
    <col min="1285" max="1285" width="41.6328125" style="3" customWidth="1"/>
    <col min="1286" max="1286" width="4.90625" style="3" customWidth="1"/>
    <col min="1287" max="1287" width="19.6328125" style="3" customWidth="1"/>
    <col min="1288" max="1288" width="33.90625" style="3" customWidth="1"/>
    <col min="1289" max="1304" width="5.36328125" style="3" customWidth="1"/>
    <col min="1305" max="1312" width="4.90625" style="3" customWidth="1"/>
    <col min="1313" max="1536" width="9" style="3"/>
    <col min="1537" max="1538" width="4.26953125" style="3" customWidth="1"/>
    <col min="1539" max="1539" width="25" style="3" customWidth="1"/>
    <col min="1540" max="1540" width="4.90625" style="3" customWidth="1"/>
    <col min="1541" max="1541" width="41.6328125" style="3" customWidth="1"/>
    <col min="1542" max="1542" width="4.90625" style="3" customWidth="1"/>
    <col min="1543" max="1543" width="19.6328125" style="3" customWidth="1"/>
    <col min="1544" max="1544" width="33.90625" style="3" customWidth="1"/>
    <col min="1545" max="1560" width="5.36328125" style="3" customWidth="1"/>
    <col min="1561" max="1568" width="4.90625" style="3" customWidth="1"/>
    <col min="1569" max="1792" width="9" style="3"/>
    <col min="1793" max="1794" width="4.26953125" style="3" customWidth="1"/>
    <col min="1795" max="1795" width="25" style="3" customWidth="1"/>
    <col min="1796" max="1796" width="4.90625" style="3" customWidth="1"/>
    <col min="1797" max="1797" width="41.6328125" style="3" customWidth="1"/>
    <col min="1798" max="1798" width="4.90625" style="3" customWidth="1"/>
    <col min="1799" max="1799" width="19.6328125" style="3" customWidth="1"/>
    <col min="1800" max="1800" width="33.90625" style="3" customWidth="1"/>
    <col min="1801" max="1816" width="5.36328125" style="3" customWidth="1"/>
    <col min="1817" max="1824" width="4.90625" style="3" customWidth="1"/>
    <col min="1825" max="2048" width="9" style="3"/>
    <col min="2049" max="2050" width="4.26953125" style="3" customWidth="1"/>
    <col min="2051" max="2051" width="25" style="3" customWidth="1"/>
    <col min="2052" max="2052" width="4.90625" style="3" customWidth="1"/>
    <col min="2053" max="2053" width="41.6328125" style="3" customWidth="1"/>
    <col min="2054" max="2054" width="4.90625" style="3" customWidth="1"/>
    <col min="2055" max="2055" width="19.6328125" style="3" customWidth="1"/>
    <col min="2056" max="2056" width="33.90625" style="3" customWidth="1"/>
    <col min="2057" max="2072" width="5.36328125" style="3" customWidth="1"/>
    <col min="2073" max="2080" width="4.90625" style="3" customWidth="1"/>
    <col min="2081" max="2304" width="9" style="3"/>
    <col min="2305" max="2306" width="4.26953125" style="3" customWidth="1"/>
    <col min="2307" max="2307" width="25" style="3" customWidth="1"/>
    <col min="2308" max="2308" width="4.90625" style="3" customWidth="1"/>
    <col min="2309" max="2309" width="41.6328125" style="3" customWidth="1"/>
    <col min="2310" max="2310" width="4.90625" style="3" customWidth="1"/>
    <col min="2311" max="2311" width="19.6328125" style="3" customWidth="1"/>
    <col min="2312" max="2312" width="33.90625" style="3" customWidth="1"/>
    <col min="2313" max="2328" width="5.36328125" style="3" customWidth="1"/>
    <col min="2329" max="2336" width="4.90625" style="3" customWidth="1"/>
    <col min="2337" max="2560" width="9" style="3"/>
    <col min="2561" max="2562" width="4.26953125" style="3" customWidth="1"/>
    <col min="2563" max="2563" width="25" style="3" customWidth="1"/>
    <col min="2564" max="2564" width="4.90625" style="3" customWidth="1"/>
    <col min="2565" max="2565" width="41.6328125" style="3" customWidth="1"/>
    <col min="2566" max="2566" width="4.90625" style="3" customWidth="1"/>
    <col min="2567" max="2567" width="19.6328125" style="3" customWidth="1"/>
    <col min="2568" max="2568" width="33.90625" style="3" customWidth="1"/>
    <col min="2569" max="2584" width="5.36328125" style="3" customWidth="1"/>
    <col min="2585" max="2592" width="4.90625" style="3" customWidth="1"/>
    <col min="2593" max="2816" width="9" style="3"/>
    <col min="2817" max="2818" width="4.26953125" style="3" customWidth="1"/>
    <col min="2819" max="2819" width="25" style="3" customWidth="1"/>
    <col min="2820" max="2820" width="4.90625" style="3" customWidth="1"/>
    <col min="2821" max="2821" width="41.6328125" style="3" customWidth="1"/>
    <col min="2822" max="2822" width="4.90625" style="3" customWidth="1"/>
    <col min="2823" max="2823" width="19.6328125" style="3" customWidth="1"/>
    <col min="2824" max="2824" width="33.90625" style="3" customWidth="1"/>
    <col min="2825" max="2840" width="5.36328125" style="3" customWidth="1"/>
    <col min="2841" max="2848" width="4.90625" style="3" customWidth="1"/>
    <col min="2849" max="3072" width="9" style="3"/>
    <col min="3073" max="3074" width="4.26953125" style="3" customWidth="1"/>
    <col min="3075" max="3075" width="25" style="3" customWidth="1"/>
    <col min="3076" max="3076" width="4.90625" style="3" customWidth="1"/>
    <col min="3077" max="3077" width="41.6328125" style="3" customWidth="1"/>
    <col min="3078" max="3078" width="4.90625" style="3" customWidth="1"/>
    <col min="3079" max="3079" width="19.6328125" style="3" customWidth="1"/>
    <col min="3080" max="3080" width="33.90625" style="3" customWidth="1"/>
    <col min="3081" max="3096" width="5.36328125" style="3" customWidth="1"/>
    <col min="3097" max="3104" width="4.90625" style="3" customWidth="1"/>
    <col min="3105" max="3328" width="9" style="3"/>
    <col min="3329" max="3330" width="4.26953125" style="3" customWidth="1"/>
    <col min="3331" max="3331" width="25" style="3" customWidth="1"/>
    <col min="3332" max="3332" width="4.90625" style="3" customWidth="1"/>
    <col min="3333" max="3333" width="41.6328125" style="3" customWidth="1"/>
    <col min="3334" max="3334" width="4.90625" style="3" customWidth="1"/>
    <col min="3335" max="3335" width="19.6328125" style="3" customWidth="1"/>
    <col min="3336" max="3336" width="33.90625" style="3" customWidth="1"/>
    <col min="3337" max="3352" width="5.36328125" style="3" customWidth="1"/>
    <col min="3353" max="3360" width="4.90625" style="3" customWidth="1"/>
    <col min="3361" max="3584" width="9" style="3"/>
    <col min="3585" max="3586" width="4.26953125" style="3" customWidth="1"/>
    <col min="3587" max="3587" width="25" style="3" customWidth="1"/>
    <col min="3588" max="3588" width="4.90625" style="3" customWidth="1"/>
    <col min="3589" max="3589" width="41.6328125" style="3" customWidth="1"/>
    <col min="3590" max="3590" width="4.90625" style="3" customWidth="1"/>
    <col min="3591" max="3591" width="19.6328125" style="3" customWidth="1"/>
    <col min="3592" max="3592" width="33.90625" style="3" customWidth="1"/>
    <col min="3593" max="3608" width="5.36328125" style="3" customWidth="1"/>
    <col min="3609" max="3616" width="4.90625" style="3" customWidth="1"/>
    <col min="3617" max="3840" width="9" style="3"/>
    <col min="3841" max="3842" width="4.26953125" style="3" customWidth="1"/>
    <col min="3843" max="3843" width="25" style="3" customWidth="1"/>
    <col min="3844" max="3844" width="4.90625" style="3" customWidth="1"/>
    <col min="3845" max="3845" width="41.6328125" style="3" customWidth="1"/>
    <col min="3846" max="3846" width="4.90625" style="3" customWidth="1"/>
    <col min="3847" max="3847" width="19.6328125" style="3" customWidth="1"/>
    <col min="3848" max="3848" width="33.90625" style="3" customWidth="1"/>
    <col min="3849" max="3864" width="5.36328125" style="3" customWidth="1"/>
    <col min="3865" max="3872" width="4.90625" style="3" customWidth="1"/>
    <col min="3873" max="4096" width="9" style="3"/>
    <col min="4097" max="4098" width="4.26953125" style="3" customWidth="1"/>
    <col min="4099" max="4099" width="25" style="3" customWidth="1"/>
    <col min="4100" max="4100" width="4.90625" style="3" customWidth="1"/>
    <col min="4101" max="4101" width="41.6328125" style="3" customWidth="1"/>
    <col min="4102" max="4102" width="4.90625" style="3" customWidth="1"/>
    <col min="4103" max="4103" width="19.6328125" style="3" customWidth="1"/>
    <col min="4104" max="4104" width="33.90625" style="3" customWidth="1"/>
    <col min="4105" max="4120" width="5.36328125" style="3" customWidth="1"/>
    <col min="4121" max="4128" width="4.90625" style="3" customWidth="1"/>
    <col min="4129" max="4352" width="9" style="3"/>
    <col min="4353" max="4354" width="4.26953125" style="3" customWidth="1"/>
    <col min="4355" max="4355" width="25" style="3" customWidth="1"/>
    <col min="4356" max="4356" width="4.90625" style="3" customWidth="1"/>
    <col min="4357" max="4357" width="41.6328125" style="3" customWidth="1"/>
    <col min="4358" max="4358" width="4.90625" style="3" customWidth="1"/>
    <col min="4359" max="4359" width="19.6328125" style="3" customWidth="1"/>
    <col min="4360" max="4360" width="33.90625" style="3" customWidth="1"/>
    <col min="4361" max="4376" width="5.36328125" style="3" customWidth="1"/>
    <col min="4377" max="4384" width="4.90625" style="3" customWidth="1"/>
    <col min="4385" max="4608" width="9" style="3"/>
    <col min="4609" max="4610" width="4.26953125" style="3" customWidth="1"/>
    <col min="4611" max="4611" width="25" style="3" customWidth="1"/>
    <col min="4612" max="4612" width="4.90625" style="3" customWidth="1"/>
    <col min="4613" max="4613" width="41.6328125" style="3" customWidth="1"/>
    <col min="4614" max="4614" width="4.90625" style="3" customWidth="1"/>
    <col min="4615" max="4615" width="19.6328125" style="3" customWidth="1"/>
    <col min="4616" max="4616" width="33.90625" style="3" customWidth="1"/>
    <col min="4617" max="4632" width="5.36328125" style="3" customWidth="1"/>
    <col min="4633" max="4640" width="4.90625" style="3" customWidth="1"/>
    <col min="4641" max="4864" width="9" style="3"/>
    <col min="4865" max="4866" width="4.26953125" style="3" customWidth="1"/>
    <col min="4867" max="4867" width="25" style="3" customWidth="1"/>
    <col min="4868" max="4868" width="4.90625" style="3" customWidth="1"/>
    <col min="4869" max="4869" width="41.6328125" style="3" customWidth="1"/>
    <col min="4870" max="4870" width="4.90625" style="3" customWidth="1"/>
    <col min="4871" max="4871" width="19.6328125" style="3" customWidth="1"/>
    <col min="4872" max="4872" width="33.90625" style="3" customWidth="1"/>
    <col min="4873" max="4888" width="5.36328125" style="3" customWidth="1"/>
    <col min="4889" max="4896" width="4.90625" style="3" customWidth="1"/>
    <col min="4897" max="5120" width="9" style="3"/>
    <col min="5121" max="5122" width="4.26953125" style="3" customWidth="1"/>
    <col min="5123" max="5123" width="25" style="3" customWidth="1"/>
    <col min="5124" max="5124" width="4.90625" style="3" customWidth="1"/>
    <col min="5125" max="5125" width="41.6328125" style="3" customWidth="1"/>
    <col min="5126" max="5126" width="4.90625" style="3" customWidth="1"/>
    <col min="5127" max="5127" width="19.6328125" style="3" customWidth="1"/>
    <col min="5128" max="5128" width="33.90625" style="3" customWidth="1"/>
    <col min="5129" max="5144" width="5.36328125" style="3" customWidth="1"/>
    <col min="5145" max="5152" width="4.90625" style="3" customWidth="1"/>
    <col min="5153" max="5376" width="9" style="3"/>
    <col min="5377" max="5378" width="4.26953125" style="3" customWidth="1"/>
    <col min="5379" max="5379" width="25" style="3" customWidth="1"/>
    <col min="5380" max="5380" width="4.90625" style="3" customWidth="1"/>
    <col min="5381" max="5381" width="41.6328125" style="3" customWidth="1"/>
    <col min="5382" max="5382" width="4.90625" style="3" customWidth="1"/>
    <col min="5383" max="5383" width="19.6328125" style="3" customWidth="1"/>
    <col min="5384" max="5384" width="33.90625" style="3" customWidth="1"/>
    <col min="5385" max="5400" width="5.36328125" style="3" customWidth="1"/>
    <col min="5401" max="5408" width="4.90625" style="3" customWidth="1"/>
    <col min="5409" max="5632" width="9" style="3"/>
    <col min="5633" max="5634" width="4.26953125" style="3" customWidth="1"/>
    <col min="5635" max="5635" width="25" style="3" customWidth="1"/>
    <col min="5636" max="5636" width="4.90625" style="3" customWidth="1"/>
    <col min="5637" max="5637" width="41.6328125" style="3" customWidth="1"/>
    <col min="5638" max="5638" width="4.90625" style="3" customWidth="1"/>
    <col min="5639" max="5639" width="19.6328125" style="3" customWidth="1"/>
    <col min="5640" max="5640" width="33.90625" style="3" customWidth="1"/>
    <col min="5641" max="5656" width="5.36328125" style="3" customWidth="1"/>
    <col min="5657" max="5664" width="4.90625" style="3" customWidth="1"/>
    <col min="5665" max="5888" width="9" style="3"/>
    <col min="5889" max="5890" width="4.26953125" style="3" customWidth="1"/>
    <col min="5891" max="5891" width="25" style="3" customWidth="1"/>
    <col min="5892" max="5892" width="4.90625" style="3" customWidth="1"/>
    <col min="5893" max="5893" width="41.6328125" style="3" customWidth="1"/>
    <col min="5894" max="5894" width="4.90625" style="3" customWidth="1"/>
    <col min="5895" max="5895" width="19.6328125" style="3" customWidth="1"/>
    <col min="5896" max="5896" width="33.90625" style="3" customWidth="1"/>
    <col min="5897" max="5912" width="5.36328125" style="3" customWidth="1"/>
    <col min="5913" max="5920" width="4.90625" style="3" customWidth="1"/>
    <col min="5921" max="6144" width="9" style="3"/>
    <col min="6145" max="6146" width="4.26953125" style="3" customWidth="1"/>
    <col min="6147" max="6147" width="25" style="3" customWidth="1"/>
    <col min="6148" max="6148" width="4.90625" style="3" customWidth="1"/>
    <col min="6149" max="6149" width="41.6328125" style="3" customWidth="1"/>
    <col min="6150" max="6150" width="4.90625" style="3" customWidth="1"/>
    <col min="6151" max="6151" width="19.6328125" style="3" customWidth="1"/>
    <col min="6152" max="6152" width="33.90625" style="3" customWidth="1"/>
    <col min="6153" max="6168" width="5.36328125" style="3" customWidth="1"/>
    <col min="6169" max="6176" width="4.90625" style="3" customWidth="1"/>
    <col min="6177" max="6400" width="9" style="3"/>
    <col min="6401" max="6402" width="4.26953125" style="3" customWidth="1"/>
    <col min="6403" max="6403" width="25" style="3" customWidth="1"/>
    <col min="6404" max="6404" width="4.90625" style="3" customWidth="1"/>
    <col min="6405" max="6405" width="41.6328125" style="3" customWidth="1"/>
    <col min="6406" max="6406" width="4.90625" style="3" customWidth="1"/>
    <col min="6407" max="6407" width="19.6328125" style="3" customWidth="1"/>
    <col min="6408" max="6408" width="33.90625" style="3" customWidth="1"/>
    <col min="6409" max="6424" width="5.36328125" style="3" customWidth="1"/>
    <col min="6425" max="6432" width="4.90625" style="3" customWidth="1"/>
    <col min="6433" max="6656" width="9" style="3"/>
    <col min="6657" max="6658" width="4.26953125" style="3" customWidth="1"/>
    <col min="6659" max="6659" width="25" style="3" customWidth="1"/>
    <col min="6660" max="6660" width="4.90625" style="3" customWidth="1"/>
    <col min="6661" max="6661" width="41.6328125" style="3" customWidth="1"/>
    <col min="6662" max="6662" width="4.90625" style="3" customWidth="1"/>
    <col min="6663" max="6663" width="19.6328125" style="3" customWidth="1"/>
    <col min="6664" max="6664" width="33.90625" style="3" customWidth="1"/>
    <col min="6665" max="6680" width="5.36328125" style="3" customWidth="1"/>
    <col min="6681" max="6688" width="4.90625" style="3" customWidth="1"/>
    <col min="6689" max="6912" width="9" style="3"/>
    <col min="6913" max="6914" width="4.26953125" style="3" customWidth="1"/>
    <col min="6915" max="6915" width="25" style="3" customWidth="1"/>
    <col min="6916" max="6916" width="4.90625" style="3" customWidth="1"/>
    <col min="6917" max="6917" width="41.6328125" style="3" customWidth="1"/>
    <col min="6918" max="6918" width="4.90625" style="3" customWidth="1"/>
    <col min="6919" max="6919" width="19.6328125" style="3" customWidth="1"/>
    <col min="6920" max="6920" width="33.90625" style="3" customWidth="1"/>
    <col min="6921" max="6936" width="5.36328125" style="3" customWidth="1"/>
    <col min="6937" max="6944" width="4.90625" style="3" customWidth="1"/>
    <col min="6945" max="7168" width="9" style="3"/>
    <col min="7169" max="7170" width="4.26953125" style="3" customWidth="1"/>
    <col min="7171" max="7171" width="25" style="3" customWidth="1"/>
    <col min="7172" max="7172" width="4.90625" style="3" customWidth="1"/>
    <col min="7173" max="7173" width="41.6328125" style="3" customWidth="1"/>
    <col min="7174" max="7174" width="4.90625" style="3" customWidth="1"/>
    <col min="7175" max="7175" width="19.6328125" style="3" customWidth="1"/>
    <col min="7176" max="7176" width="33.90625" style="3" customWidth="1"/>
    <col min="7177" max="7192" width="5.36328125" style="3" customWidth="1"/>
    <col min="7193" max="7200" width="4.90625" style="3" customWidth="1"/>
    <col min="7201" max="7424" width="9" style="3"/>
    <col min="7425" max="7426" width="4.26953125" style="3" customWidth="1"/>
    <col min="7427" max="7427" width="25" style="3" customWidth="1"/>
    <col min="7428" max="7428" width="4.90625" style="3" customWidth="1"/>
    <col min="7429" max="7429" width="41.6328125" style="3" customWidth="1"/>
    <col min="7430" max="7430" width="4.90625" style="3" customWidth="1"/>
    <col min="7431" max="7431" width="19.6328125" style="3" customWidth="1"/>
    <col min="7432" max="7432" width="33.90625" style="3" customWidth="1"/>
    <col min="7433" max="7448" width="5.36328125" style="3" customWidth="1"/>
    <col min="7449" max="7456" width="4.90625" style="3" customWidth="1"/>
    <col min="7457" max="7680" width="9" style="3"/>
    <col min="7681" max="7682" width="4.26953125" style="3" customWidth="1"/>
    <col min="7683" max="7683" width="25" style="3" customWidth="1"/>
    <col min="7684" max="7684" width="4.90625" style="3" customWidth="1"/>
    <col min="7685" max="7685" width="41.6328125" style="3" customWidth="1"/>
    <col min="7686" max="7686" width="4.90625" style="3" customWidth="1"/>
    <col min="7687" max="7687" width="19.6328125" style="3" customWidth="1"/>
    <col min="7688" max="7688" width="33.90625" style="3" customWidth="1"/>
    <col min="7689" max="7704" width="5.36328125" style="3" customWidth="1"/>
    <col min="7705" max="7712" width="4.90625" style="3" customWidth="1"/>
    <col min="7713" max="7936" width="9" style="3"/>
    <col min="7937" max="7938" width="4.26953125" style="3" customWidth="1"/>
    <col min="7939" max="7939" width="25" style="3" customWidth="1"/>
    <col min="7940" max="7940" width="4.90625" style="3" customWidth="1"/>
    <col min="7941" max="7941" width="41.6328125" style="3" customWidth="1"/>
    <col min="7942" max="7942" width="4.90625" style="3" customWidth="1"/>
    <col min="7943" max="7943" width="19.6328125" style="3" customWidth="1"/>
    <col min="7944" max="7944" width="33.90625" style="3" customWidth="1"/>
    <col min="7945" max="7960" width="5.36328125" style="3" customWidth="1"/>
    <col min="7961" max="7968" width="4.90625" style="3" customWidth="1"/>
    <col min="7969" max="8192" width="9" style="3"/>
    <col min="8193" max="8194" width="4.26953125" style="3" customWidth="1"/>
    <col min="8195" max="8195" width="25" style="3" customWidth="1"/>
    <col min="8196" max="8196" width="4.90625" style="3" customWidth="1"/>
    <col min="8197" max="8197" width="41.6328125" style="3" customWidth="1"/>
    <col min="8198" max="8198" width="4.90625" style="3" customWidth="1"/>
    <col min="8199" max="8199" width="19.6328125" style="3" customWidth="1"/>
    <col min="8200" max="8200" width="33.90625" style="3" customWidth="1"/>
    <col min="8201" max="8216" width="5.36328125" style="3" customWidth="1"/>
    <col min="8217" max="8224" width="4.90625" style="3" customWidth="1"/>
    <col min="8225" max="8448" width="9" style="3"/>
    <col min="8449" max="8450" width="4.26953125" style="3" customWidth="1"/>
    <col min="8451" max="8451" width="25" style="3" customWidth="1"/>
    <col min="8452" max="8452" width="4.90625" style="3" customWidth="1"/>
    <col min="8453" max="8453" width="41.6328125" style="3" customWidth="1"/>
    <col min="8454" max="8454" width="4.90625" style="3" customWidth="1"/>
    <col min="8455" max="8455" width="19.6328125" style="3" customWidth="1"/>
    <col min="8456" max="8456" width="33.90625" style="3" customWidth="1"/>
    <col min="8457" max="8472" width="5.36328125" style="3" customWidth="1"/>
    <col min="8473" max="8480" width="4.90625" style="3" customWidth="1"/>
    <col min="8481" max="8704" width="9" style="3"/>
    <col min="8705" max="8706" width="4.26953125" style="3" customWidth="1"/>
    <col min="8707" max="8707" width="25" style="3" customWidth="1"/>
    <col min="8708" max="8708" width="4.90625" style="3" customWidth="1"/>
    <col min="8709" max="8709" width="41.6328125" style="3" customWidth="1"/>
    <col min="8710" max="8710" width="4.90625" style="3" customWidth="1"/>
    <col min="8711" max="8711" width="19.6328125" style="3" customWidth="1"/>
    <col min="8712" max="8712" width="33.90625" style="3" customWidth="1"/>
    <col min="8713" max="8728" width="5.36328125" style="3" customWidth="1"/>
    <col min="8729" max="8736" width="4.90625" style="3" customWidth="1"/>
    <col min="8737" max="8960" width="9" style="3"/>
    <col min="8961" max="8962" width="4.26953125" style="3" customWidth="1"/>
    <col min="8963" max="8963" width="25" style="3" customWidth="1"/>
    <col min="8964" max="8964" width="4.90625" style="3" customWidth="1"/>
    <col min="8965" max="8965" width="41.6328125" style="3" customWidth="1"/>
    <col min="8966" max="8966" width="4.90625" style="3" customWidth="1"/>
    <col min="8967" max="8967" width="19.6328125" style="3" customWidth="1"/>
    <col min="8968" max="8968" width="33.90625" style="3" customWidth="1"/>
    <col min="8969" max="8984" width="5.36328125" style="3" customWidth="1"/>
    <col min="8985" max="8992" width="4.90625" style="3" customWidth="1"/>
    <col min="8993" max="9216" width="9" style="3"/>
    <col min="9217" max="9218" width="4.26953125" style="3" customWidth="1"/>
    <col min="9219" max="9219" width="25" style="3" customWidth="1"/>
    <col min="9220" max="9220" width="4.90625" style="3" customWidth="1"/>
    <col min="9221" max="9221" width="41.6328125" style="3" customWidth="1"/>
    <col min="9222" max="9222" width="4.90625" style="3" customWidth="1"/>
    <col min="9223" max="9223" width="19.6328125" style="3" customWidth="1"/>
    <col min="9224" max="9224" width="33.90625" style="3" customWidth="1"/>
    <col min="9225" max="9240" width="5.36328125" style="3" customWidth="1"/>
    <col min="9241" max="9248" width="4.90625" style="3" customWidth="1"/>
    <col min="9249" max="9472" width="9" style="3"/>
    <col min="9473" max="9474" width="4.26953125" style="3" customWidth="1"/>
    <col min="9475" max="9475" width="25" style="3" customWidth="1"/>
    <col min="9476" max="9476" width="4.90625" style="3" customWidth="1"/>
    <col min="9477" max="9477" width="41.6328125" style="3" customWidth="1"/>
    <col min="9478" max="9478" width="4.90625" style="3" customWidth="1"/>
    <col min="9479" max="9479" width="19.6328125" style="3" customWidth="1"/>
    <col min="9480" max="9480" width="33.90625" style="3" customWidth="1"/>
    <col min="9481" max="9496" width="5.36328125" style="3" customWidth="1"/>
    <col min="9497" max="9504" width="4.90625" style="3" customWidth="1"/>
    <col min="9505" max="9728" width="9" style="3"/>
    <col min="9729" max="9730" width="4.26953125" style="3" customWidth="1"/>
    <col min="9731" max="9731" width="25" style="3" customWidth="1"/>
    <col min="9732" max="9732" width="4.90625" style="3" customWidth="1"/>
    <col min="9733" max="9733" width="41.6328125" style="3" customWidth="1"/>
    <col min="9734" max="9734" width="4.90625" style="3" customWidth="1"/>
    <col min="9735" max="9735" width="19.6328125" style="3" customWidth="1"/>
    <col min="9736" max="9736" width="33.90625" style="3" customWidth="1"/>
    <col min="9737" max="9752" width="5.36328125" style="3" customWidth="1"/>
    <col min="9753" max="9760" width="4.90625" style="3" customWidth="1"/>
    <col min="9761" max="9984" width="9" style="3"/>
    <col min="9985" max="9986" width="4.26953125" style="3" customWidth="1"/>
    <col min="9987" max="9987" width="25" style="3" customWidth="1"/>
    <col min="9988" max="9988" width="4.90625" style="3" customWidth="1"/>
    <col min="9989" max="9989" width="41.6328125" style="3" customWidth="1"/>
    <col min="9990" max="9990" width="4.90625" style="3" customWidth="1"/>
    <col min="9991" max="9991" width="19.6328125" style="3" customWidth="1"/>
    <col min="9992" max="9992" width="33.90625" style="3" customWidth="1"/>
    <col min="9993" max="10008" width="5.36328125" style="3" customWidth="1"/>
    <col min="10009" max="10016" width="4.90625" style="3" customWidth="1"/>
    <col min="10017" max="10240" width="9" style="3"/>
    <col min="10241" max="10242" width="4.26953125" style="3" customWidth="1"/>
    <col min="10243" max="10243" width="25" style="3" customWidth="1"/>
    <col min="10244" max="10244" width="4.90625" style="3" customWidth="1"/>
    <col min="10245" max="10245" width="41.6328125" style="3" customWidth="1"/>
    <col min="10246" max="10246" width="4.90625" style="3" customWidth="1"/>
    <col min="10247" max="10247" width="19.6328125" style="3" customWidth="1"/>
    <col min="10248" max="10248" width="33.90625" style="3" customWidth="1"/>
    <col min="10249" max="10264" width="5.36328125" style="3" customWidth="1"/>
    <col min="10265" max="10272" width="4.90625" style="3" customWidth="1"/>
    <col min="10273" max="10496" width="9" style="3"/>
    <col min="10497" max="10498" width="4.26953125" style="3" customWidth="1"/>
    <col min="10499" max="10499" width="25" style="3" customWidth="1"/>
    <col min="10500" max="10500" width="4.90625" style="3" customWidth="1"/>
    <col min="10501" max="10501" width="41.6328125" style="3" customWidth="1"/>
    <col min="10502" max="10502" width="4.90625" style="3" customWidth="1"/>
    <col min="10503" max="10503" width="19.6328125" style="3" customWidth="1"/>
    <col min="10504" max="10504" width="33.90625" style="3" customWidth="1"/>
    <col min="10505" max="10520" width="5.36328125" style="3" customWidth="1"/>
    <col min="10521" max="10528" width="4.90625" style="3" customWidth="1"/>
    <col min="10529" max="10752" width="9" style="3"/>
    <col min="10753" max="10754" width="4.26953125" style="3" customWidth="1"/>
    <col min="10755" max="10755" width="25" style="3" customWidth="1"/>
    <col min="10756" max="10756" width="4.90625" style="3" customWidth="1"/>
    <col min="10757" max="10757" width="41.6328125" style="3" customWidth="1"/>
    <col min="10758" max="10758" width="4.90625" style="3" customWidth="1"/>
    <col min="10759" max="10759" width="19.6328125" style="3" customWidth="1"/>
    <col min="10760" max="10760" width="33.90625" style="3" customWidth="1"/>
    <col min="10761" max="10776" width="5.36328125" style="3" customWidth="1"/>
    <col min="10777" max="10784" width="4.90625" style="3" customWidth="1"/>
    <col min="10785" max="11008" width="9" style="3"/>
    <col min="11009" max="11010" width="4.26953125" style="3" customWidth="1"/>
    <col min="11011" max="11011" width="25" style="3" customWidth="1"/>
    <col min="11012" max="11012" width="4.90625" style="3" customWidth="1"/>
    <col min="11013" max="11013" width="41.6328125" style="3" customWidth="1"/>
    <col min="11014" max="11014" width="4.90625" style="3" customWidth="1"/>
    <col min="11015" max="11015" width="19.6328125" style="3" customWidth="1"/>
    <col min="11016" max="11016" width="33.90625" style="3" customWidth="1"/>
    <col min="11017" max="11032" width="5.36328125" style="3" customWidth="1"/>
    <col min="11033" max="11040" width="4.90625" style="3" customWidth="1"/>
    <col min="11041" max="11264" width="9" style="3"/>
    <col min="11265" max="11266" width="4.26953125" style="3" customWidth="1"/>
    <col min="11267" max="11267" width="25" style="3" customWidth="1"/>
    <col min="11268" max="11268" width="4.90625" style="3" customWidth="1"/>
    <col min="11269" max="11269" width="41.6328125" style="3" customWidth="1"/>
    <col min="11270" max="11270" width="4.90625" style="3" customWidth="1"/>
    <col min="11271" max="11271" width="19.6328125" style="3" customWidth="1"/>
    <col min="11272" max="11272" width="33.90625" style="3" customWidth="1"/>
    <col min="11273" max="11288" width="5.36328125" style="3" customWidth="1"/>
    <col min="11289" max="11296" width="4.90625" style="3" customWidth="1"/>
    <col min="11297" max="11520" width="9" style="3"/>
    <col min="11521" max="11522" width="4.26953125" style="3" customWidth="1"/>
    <col min="11523" max="11523" width="25" style="3" customWidth="1"/>
    <col min="11524" max="11524" width="4.90625" style="3" customWidth="1"/>
    <col min="11525" max="11525" width="41.6328125" style="3" customWidth="1"/>
    <col min="11526" max="11526" width="4.90625" style="3" customWidth="1"/>
    <col min="11527" max="11527" width="19.6328125" style="3" customWidth="1"/>
    <col min="11528" max="11528" width="33.90625" style="3" customWidth="1"/>
    <col min="11529" max="11544" width="5.36328125" style="3" customWidth="1"/>
    <col min="11545" max="11552" width="4.90625" style="3" customWidth="1"/>
    <col min="11553" max="11776" width="9" style="3"/>
    <col min="11777" max="11778" width="4.26953125" style="3" customWidth="1"/>
    <col min="11779" max="11779" width="25" style="3" customWidth="1"/>
    <col min="11780" max="11780" width="4.90625" style="3" customWidth="1"/>
    <col min="11781" max="11781" width="41.6328125" style="3" customWidth="1"/>
    <col min="11782" max="11782" width="4.90625" style="3" customWidth="1"/>
    <col min="11783" max="11783" width="19.6328125" style="3" customWidth="1"/>
    <col min="11784" max="11784" width="33.90625" style="3" customWidth="1"/>
    <col min="11785" max="11800" width="5.36328125" style="3" customWidth="1"/>
    <col min="11801" max="11808" width="4.90625" style="3" customWidth="1"/>
    <col min="11809" max="12032" width="9" style="3"/>
    <col min="12033" max="12034" width="4.26953125" style="3" customWidth="1"/>
    <col min="12035" max="12035" width="25" style="3" customWidth="1"/>
    <col min="12036" max="12036" width="4.90625" style="3" customWidth="1"/>
    <col min="12037" max="12037" width="41.6328125" style="3" customWidth="1"/>
    <col min="12038" max="12038" width="4.90625" style="3" customWidth="1"/>
    <col min="12039" max="12039" width="19.6328125" style="3" customWidth="1"/>
    <col min="12040" max="12040" width="33.90625" style="3" customWidth="1"/>
    <col min="12041" max="12056" width="5.36328125" style="3" customWidth="1"/>
    <col min="12057" max="12064" width="4.90625" style="3" customWidth="1"/>
    <col min="12065" max="12288" width="9" style="3"/>
    <col min="12289" max="12290" width="4.26953125" style="3" customWidth="1"/>
    <col min="12291" max="12291" width="25" style="3" customWidth="1"/>
    <col min="12292" max="12292" width="4.90625" style="3" customWidth="1"/>
    <col min="12293" max="12293" width="41.6328125" style="3" customWidth="1"/>
    <col min="12294" max="12294" width="4.90625" style="3" customWidth="1"/>
    <col min="12295" max="12295" width="19.6328125" style="3" customWidth="1"/>
    <col min="12296" max="12296" width="33.90625" style="3" customWidth="1"/>
    <col min="12297" max="12312" width="5.36328125" style="3" customWidth="1"/>
    <col min="12313" max="12320" width="4.90625" style="3" customWidth="1"/>
    <col min="12321" max="12544" width="9" style="3"/>
    <col min="12545" max="12546" width="4.26953125" style="3" customWidth="1"/>
    <col min="12547" max="12547" width="25" style="3" customWidth="1"/>
    <col min="12548" max="12548" width="4.90625" style="3" customWidth="1"/>
    <col min="12549" max="12549" width="41.6328125" style="3" customWidth="1"/>
    <col min="12550" max="12550" width="4.90625" style="3" customWidth="1"/>
    <col min="12551" max="12551" width="19.6328125" style="3" customWidth="1"/>
    <col min="12552" max="12552" width="33.90625" style="3" customWidth="1"/>
    <col min="12553" max="12568" width="5.36328125" style="3" customWidth="1"/>
    <col min="12569" max="12576" width="4.90625" style="3" customWidth="1"/>
    <col min="12577" max="12800" width="9" style="3"/>
    <col min="12801" max="12802" width="4.26953125" style="3" customWidth="1"/>
    <col min="12803" max="12803" width="25" style="3" customWidth="1"/>
    <col min="12804" max="12804" width="4.90625" style="3" customWidth="1"/>
    <col min="12805" max="12805" width="41.6328125" style="3" customWidth="1"/>
    <col min="12806" max="12806" width="4.90625" style="3" customWidth="1"/>
    <col min="12807" max="12807" width="19.6328125" style="3" customWidth="1"/>
    <col min="12808" max="12808" width="33.90625" style="3" customWidth="1"/>
    <col min="12809" max="12824" width="5.36328125" style="3" customWidth="1"/>
    <col min="12825" max="12832" width="4.90625" style="3" customWidth="1"/>
    <col min="12833" max="13056" width="9" style="3"/>
    <col min="13057" max="13058" width="4.26953125" style="3" customWidth="1"/>
    <col min="13059" max="13059" width="25" style="3" customWidth="1"/>
    <col min="13060" max="13060" width="4.90625" style="3" customWidth="1"/>
    <col min="13061" max="13061" width="41.6328125" style="3" customWidth="1"/>
    <col min="13062" max="13062" width="4.90625" style="3" customWidth="1"/>
    <col min="13063" max="13063" width="19.6328125" style="3" customWidth="1"/>
    <col min="13064" max="13064" width="33.90625" style="3" customWidth="1"/>
    <col min="13065" max="13080" width="5.36328125" style="3" customWidth="1"/>
    <col min="13081" max="13088" width="4.90625" style="3" customWidth="1"/>
    <col min="13089" max="13312" width="9" style="3"/>
    <col min="13313" max="13314" width="4.26953125" style="3" customWidth="1"/>
    <col min="13315" max="13315" width="25" style="3" customWidth="1"/>
    <col min="13316" max="13316" width="4.90625" style="3" customWidth="1"/>
    <col min="13317" max="13317" width="41.6328125" style="3" customWidth="1"/>
    <col min="13318" max="13318" width="4.90625" style="3" customWidth="1"/>
    <col min="13319" max="13319" width="19.6328125" style="3" customWidth="1"/>
    <col min="13320" max="13320" width="33.90625" style="3" customWidth="1"/>
    <col min="13321" max="13336" width="5.36328125" style="3" customWidth="1"/>
    <col min="13337" max="13344" width="4.90625" style="3" customWidth="1"/>
    <col min="13345" max="13568" width="9" style="3"/>
    <col min="13569" max="13570" width="4.26953125" style="3" customWidth="1"/>
    <col min="13571" max="13571" width="25" style="3" customWidth="1"/>
    <col min="13572" max="13572" width="4.90625" style="3" customWidth="1"/>
    <col min="13573" max="13573" width="41.6328125" style="3" customWidth="1"/>
    <col min="13574" max="13574" width="4.90625" style="3" customWidth="1"/>
    <col min="13575" max="13575" width="19.6328125" style="3" customWidth="1"/>
    <col min="13576" max="13576" width="33.90625" style="3" customWidth="1"/>
    <col min="13577" max="13592" width="5.36328125" style="3" customWidth="1"/>
    <col min="13593" max="13600" width="4.90625" style="3" customWidth="1"/>
    <col min="13601" max="13824" width="9" style="3"/>
    <col min="13825" max="13826" width="4.26953125" style="3" customWidth="1"/>
    <col min="13827" max="13827" width="25" style="3" customWidth="1"/>
    <col min="13828" max="13828" width="4.90625" style="3" customWidth="1"/>
    <col min="13829" max="13829" width="41.6328125" style="3" customWidth="1"/>
    <col min="13830" max="13830" width="4.90625" style="3" customWidth="1"/>
    <col min="13831" max="13831" width="19.6328125" style="3" customWidth="1"/>
    <col min="13832" max="13832" width="33.90625" style="3" customWidth="1"/>
    <col min="13833" max="13848" width="5.36328125" style="3" customWidth="1"/>
    <col min="13849" max="13856" width="4.90625" style="3" customWidth="1"/>
    <col min="13857" max="14080" width="9" style="3"/>
    <col min="14081" max="14082" width="4.26953125" style="3" customWidth="1"/>
    <col min="14083" max="14083" width="25" style="3" customWidth="1"/>
    <col min="14084" max="14084" width="4.90625" style="3" customWidth="1"/>
    <col min="14085" max="14085" width="41.6328125" style="3" customWidth="1"/>
    <col min="14086" max="14086" width="4.90625" style="3" customWidth="1"/>
    <col min="14087" max="14087" width="19.6328125" style="3" customWidth="1"/>
    <col min="14088" max="14088" width="33.90625" style="3" customWidth="1"/>
    <col min="14089" max="14104" width="5.36328125" style="3" customWidth="1"/>
    <col min="14105" max="14112" width="4.90625" style="3" customWidth="1"/>
    <col min="14113" max="14336" width="9" style="3"/>
    <col min="14337" max="14338" width="4.26953125" style="3" customWidth="1"/>
    <col min="14339" max="14339" width="25" style="3" customWidth="1"/>
    <col min="14340" max="14340" width="4.90625" style="3" customWidth="1"/>
    <col min="14341" max="14341" width="41.6328125" style="3" customWidth="1"/>
    <col min="14342" max="14342" width="4.90625" style="3" customWidth="1"/>
    <col min="14343" max="14343" width="19.6328125" style="3" customWidth="1"/>
    <col min="14344" max="14344" width="33.90625" style="3" customWidth="1"/>
    <col min="14345" max="14360" width="5.36328125" style="3" customWidth="1"/>
    <col min="14361" max="14368" width="4.90625" style="3" customWidth="1"/>
    <col min="14369" max="14592" width="9" style="3"/>
    <col min="14593" max="14594" width="4.26953125" style="3" customWidth="1"/>
    <col min="14595" max="14595" width="25" style="3" customWidth="1"/>
    <col min="14596" max="14596" width="4.90625" style="3" customWidth="1"/>
    <col min="14597" max="14597" width="41.6328125" style="3" customWidth="1"/>
    <col min="14598" max="14598" width="4.90625" style="3" customWidth="1"/>
    <col min="14599" max="14599" width="19.6328125" style="3" customWidth="1"/>
    <col min="14600" max="14600" width="33.90625" style="3" customWidth="1"/>
    <col min="14601" max="14616" width="5.36328125" style="3" customWidth="1"/>
    <col min="14617" max="14624" width="4.90625" style="3" customWidth="1"/>
    <col min="14625" max="14848" width="9" style="3"/>
    <col min="14849" max="14850" width="4.26953125" style="3" customWidth="1"/>
    <col min="14851" max="14851" width="25" style="3" customWidth="1"/>
    <col min="14852" max="14852" width="4.90625" style="3" customWidth="1"/>
    <col min="14853" max="14853" width="41.6328125" style="3" customWidth="1"/>
    <col min="14854" max="14854" width="4.90625" style="3" customWidth="1"/>
    <col min="14855" max="14855" width="19.6328125" style="3" customWidth="1"/>
    <col min="14856" max="14856" width="33.90625" style="3" customWidth="1"/>
    <col min="14857" max="14872" width="5.36328125" style="3" customWidth="1"/>
    <col min="14873" max="14880" width="4.90625" style="3" customWidth="1"/>
    <col min="14881" max="15104" width="9" style="3"/>
    <col min="15105" max="15106" width="4.26953125" style="3" customWidth="1"/>
    <col min="15107" max="15107" width="25" style="3" customWidth="1"/>
    <col min="15108" max="15108" width="4.90625" style="3" customWidth="1"/>
    <col min="15109" max="15109" width="41.6328125" style="3" customWidth="1"/>
    <col min="15110" max="15110" width="4.90625" style="3" customWidth="1"/>
    <col min="15111" max="15111" width="19.6328125" style="3" customWidth="1"/>
    <col min="15112" max="15112" width="33.90625" style="3" customWidth="1"/>
    <col min="15113" max="15128" width="5.36328125" style="3" customWidth="1"/>
    <col min="15129" max="15136" width="4.90625" style="3" customWidth="1"/>
    <col min="15137" max="15360" width="9" style="3"/>
    <col min="15361" max="15362" width="4.26953125" style="3" customWidth="1"/>
    <col min="15363" max="15363" width="25" style="3" customWidth="1"/>
    <col min="15364" max="15364" width="4.90625" style="3" customWidth="1"/>
    <col min="15365" max="15365" width="41.6328125" style="3" customWidth="1"/>
    <col min="15366" max="15366" width="4.90625" style="3" customWidth="1"/>
    <col min="15367" max="15367" width="19.6328125" style="3" customWidth="1"/>
    <col min="15368" max="15368" width="33.90625" style="3" customWidth="1"/>
    <col min="15369" max="15384" width="5.36328125" style="3" customWidth="1"/>
    <col min="15385" max="15392" width="4.90625" style="3" customWidth="1"/>
    <col min="15393" max="15616" width="9" style="3"/>
    <col min="15617" max="15618" width="4.26953125" style="3" customWidth="1"/>
    <col min="15619" max="15619" width="25" style="3" customWidth="1"/>
    <col min="15620" max="15620" width="4.90625" style="3" customWidth="1"/>
    <col min="15621" max="15621" width="41.6328125" style="3" customWidth="1"/>
    <col min="15622" max="15622" width="4.90625" style="3" customWidth="1"/>
    <col min="15623" max="15623" width="19.6328125" style="3" customWidth="1"/>
    <col min="15624" max="15624" width="33.90625" style="3" customWidth="1"/>
    <col min="15625" max="15640" width="5.36328125" style="3" customWidth="1"/>
    <col min="15641" max="15648" width="4.90625" style="3" customWidth="1"/>
    <col min="15649" max="15872" width="9" style="3"/>
    <col min="15873" max="15874" width="4.26953125" style="3" customWidth="1"/>
    <col min="15875" max="15875" width="25" style="3" customWidth="1"/>
    <col min="15876" max="15876" width="4.90625" style="3" customWidth="1"/>
    <col min="15877" max="15877" width="41.6328125" style="3" customWidth="1"/>
    <col min="15878" max="15878" width="4.90625" style="3" customWidth="1"/>
    <col min="15879" max="15879" width="19.6328125" style="3" customWidth="1"/>
    <col min="15880" max="15880" width="33.90625" style="3" customWidth="1"/>
    <col min="15881" max="15896" width="5.36328125" style="3" customWidth="1"/>
    <col min="15897" max="15904" width="4.90625" style="3" customWidth="1"/>
    <col min="15905" max="16128" width="9" style="3"/>
    <col min="16129" max="16130" width="4.26953125" style="3" customWidth="1"/>
    <col min="16131" max="16131" width="25" style="3" customWidth="1"/>
    <col min="16132" max="16132" width="4.90625" style="3" customWidth="1"/>
    <col min="16133" max="16133" width="41.6328125" style="3" customWidth="1"/>
    <col min="16134" max="16134" width="4.90625" style="3" customWidth="1"/>
    <col min="16135" max="16135" width="19.6328125" style="3" customWidth="1"/>
    <col min="16136" max="16136" width="33.90625" style="3" customWidth="1"/>
    <col min="16137" max="16152" width="5.36328125" style="3" customWidth="1"/>
    <col min="16153" max="16160" width="4.90625" style="3" customWidth="1"/>
    <col min="16161" max="16384" width="9" style="3"/>
  </cols>
  <sheetData>
    <row r="2" spans="1:32" ht="20.25" customHeight="1">
      <c r="A2" s="1" t="s">
        <v>0</v>
      </c>
      <c r="B2" s="2"/>
    </row>
    <row r="3" spans="1:32" ht="20.25" customHeight="1">
      <c r="A3" s="4" t="s">
        <v>1</v>
      </c>
      <c r="B3" s="4"/>
      <c r="C3" s="4"/>
      <c r="D3" s="4"/>
      <c r="E3" s="4"/>
      <c r="F3" s="4"/>
      <c r="G3" s="4"/>
      <c r="H3" s="4"/>
      <c r="I3" s="4"/>
      <c r="J3" s="4"/>
      <c r="K3" s="4"/>
      <c r="L3" s="4"/>
      <c r="M3" s="4"/>
      <c r="N3" s="4"/>
      <c r="O3" s="4"/>
      <c r="P3" s="4"/>
      <c r="Q3" s="4"/>
      <c r="R3" s="4"/>
      <c r="S3" s="4"/>
      <c r="T3" s="4"/>
      <c r="U3" s="4"/>
      <c r="V3" s="4"/>
      <c r="W3" s="4"/>
      <c r="X3" s="4"/>
      <c r="Y3" s="4"/>
      <c r="Z3" s="4"/>
      <c r="AA3" s="4"/>
      <c r="AB3" s="4"/>
      <c r="AC3" s="4"/>
      <c r="AD3" s="4"/>
      <c r="AE3" s="4"/>
      <c r="AF3" s="4"/>
    </row>
    <row r="4" spans="1:32" ht="20.25" customHeight="1"/>
    <row r="5" spans="1:32" ht="30" customHeight="1">
      <c r="S5" s="6" t="s">
        <v>2</v>
      </c>
      <c r="T5" s="7"/>
      <c r="U5" s="7"/>
      <c r="V5" s="8"/>
      <c r="W5" s="9"/>
      <c r="X5" s="10"/>
      <c r="Y5" s="10"/>
      <c r="Z5" s="10"/>
      <c r="AA5" s="10"/>
      <c r="AB5" s="10"/>
      <c r="AC5" s="10"/>
      <c r="AD5" s="10"/>
      <c r="AE5" s="10"/>
      <c r="AF5" s="11"/>
    </row>
    <row r="6" spans="1:32" ht="20.25" customHeight="1"/>
    <row r="7" spans="1:32" ht="17.25" customHeight="1">
      <c r="A7" s="6" t="s">
        <v>3</v>
      </c>
      <c r="B7" s="7"/>
      <c r="C7" s="8"/>
      <c r="D7" s="6" t="s">
        <v>4</v>
      </c>
      <c r="E7" s="8"/>
      <c r="F7" s="6" t="s">
        <v>5</v>
      </c>
      <c r="G7" s="8"/>
      <c r="H7" s="6" t="s">
        <v>6</v>
      </c>
      <c r="I7" s="7"/>
      <c r="J7" s="7"/>
      <c r="K7" s="7"/>
      <c r="L7" s="7"/>
      <c r="M7" s="7"/>
      <c r="N7" s="7"/>
      <c r="O7" s="7"/>
      <c r="P7" s="7"/>
      <c r="Q7" s="7"/>
      <c r="R7" s="7"/>
      <c r="S7" s="7"/>
      <c r="T7" s="7"/>
      <c r="U7" s="7"/>
      <c r="V7" s="7"/>
      <c r="W7" s="7"/>
      <c r="X7" s="8"/>
      <c r="Y7" s="6" t="s">
        <v>7</v>
      </c>
      <c r="Z7" s="7"/>
      <c r="AA7" s="7"/>
      <c r="AB7" s="8"/>
      <c r="AC7" s="6" t="s">
        <v>8</v>
      </c>
      <c r="AD7" s="7"/>
      <c r="AE7" s="7"/>
      <c r="AF7" s="8"/>
    </row>
    <row r="8" spans="1:32" ht="18.75" customHeight="1">
      <c r="A8" s="12" t="s">
        <v>9</v>
      </c>
      <c r="B8" s="13"/>
      <c r="C8" s="14"/>
      <c r="D8" s="12"/>
      <c r="E8" s="14"/>
      <c r="F8" s="12"/>
      <c r="G8" s="14"/>
      <c r="H8" s="15" t="s">
        <v>10</v>
      </c>
      <c r="I8" s="16" t="s">
        <v>11</v>
      </c>
      <c r="J8" s="17" t="s">
        <v>12</v>
      </c>
      <c r="K8" s="18"/>
      <c r="L8" s="18"/>
      <c r="M8" s="16" t="s">
        <v>11</v>
      </c>
      <c r="N8" s="17" t="s">
        <v>13</v>
      </c>
      <c r="O8" s="18"/>
      <c r="P8" s="18"/>
      <c r="Q8" s="16" t="s">
        <v>11</v>
      </c>
      <c r="R8" s="17" t="s">
        <v>14</v>
      </c>
      <c r="S8" s="18"/>
      <c r="T8" s="18"/>
      <c r="U8" s="16" t="s">
        <v>11</v>
      </c>
      <c r="V8" s="17" t="s">
        <v>15</v>
      </c>
      <c r="W8" s="18"/>
      <c r="X8" s="19"/>
      <c r="Y8" s="20"/>
      <c r="Z8" s="21"/>
      <c r="AA8" s="21"/>
      <c r="AB8" s="22"/>
      <c r="AC8" s="20"/>
      <c r="AD8" s="21"/>
      <c r="AE8" s="21"/>
      <c r="AF8" s="22"/>
    </row>
    <row r="9" spans="1:32" ht="18.75" customHeight="1">
      <c r="A9" s="23"/>
      <c r="B9" s="24"/>
      <c r="C9" s="25"/>
      <c r="D9" s="23"/>
      <c r="E9" s="25"/>
      <c r="F9" s="23"/>
      <c r="G9" s="25"/>
      <c r="H9" s="26"/>
      <c r="I9" s="27" t="s">
        <v>11</v>
      </c>
      <c r="J9" s="28" t="s">
        <v>16</v>
      </c>
      <c r="K9" s="29"/>
      <c r="L9" s="29"/>
      <c r="M9" s="16" t="s">
        <v>11</v>
      </c>
      <c r="N9" s="28" t="s">
        <v>17</v>
      </c>
      <c r="O9" s="29"/>
      <c r="P9" s="29"/>
      <c r="Q9" s="16" t="s">
        <v>11</v>
      </c>
      <c r="R9" s="28" t="s">
        <v>18</v>
      </c>
      <c r="S9" s="29"/>
      <c r="T9" s="29"/>
      <c r="U9" s="16" t="s">
        <v>11</v>
      </c>
      <c r="V9" s="28" t="s">
        <v>19</v>
      </c>
      <c r="W9" s="29"/>
      <c r="X9" s="30"/>
      <c r="Y9" s="31"/>
      <c r="Z9" s="32"/>
      <c r="AA9" s="32"/>
      <c r="AB9" s="33"/>
      <c r="AC9" s="31"/>
      <c r="AD9" s="32"/>
      <c r="AE9" s="32"/>
      <c r="AF9" s="33"/>
    </row>
    <row r="10" spans="1:32" ht="18.75" customHeight="1">
      <c r="A10" s="34"/>
      <c r="B10" s="35"/>
      <c r="C10" s="36"/>
      <c r="D10" s="37"/>
      <c r="E10" s="19"/>
      <c r="F10" s="38"/>
      <c r="G10" s="39"/>
      <c r="H10" s="40" t="s">
        <v>20</v>
      </c>
      <c r="I10" s="41" t="s">
        <v>11</v>
      </c>
      <c r="J10" s="42" t="s">
        <v>21</v>
      </c>
      <c r="K10" s="42"/>
      <c r="L10" s="43" t="s">
        <v>11</v>
      </c>
      <c r="M10" s="42" t="s">
        <v>22</v>
      </c>
      <c r="N10" s="42"/>
      <c r="O10" s="42"/>
      <c r="P10" s="44"/>
      <c r="Q10" s="44"/>
      <c r="R10" s="44"/>
      <c r="S10" s="44"/>
      <c r="T10" s="44"/>
      <c r="U10" s="44"/>
      <c r="V10" s="44"/>
      <c r="W10" s="44"/>
      <c r="X10" s="45"/>
      <c r="Y10" s="46" t="s">
        <v>11</v>
      </c>
      <c r="Z10" s="17" t="s">
        <v>23</v>
      </c>
      <c r="AA10" s="17"/>
      <c r="AB10" s="47"/>
      <c r="AC10" s="20"/>
      <c r="AD10" s="21"/>
      <c r="AE10" s="21"/>
      <c r="AF10" s="22"/>
    </row>
    <row r="11" spans="1:32" ht="18.75" customHeight="1">
      <c r="A11" s="48"/>
      <c r="B11" s="49"/>
      <c r="C11" s="50"/>
      <c r="D11" s="51"/>
      <c r="E11" s="30"/>
      <c r="F11" s="52"/>
      <c r="G11" s="53"/>
      <c r="H11" s="54"/>
      <c r="I11" s="55"/>
      <c r="J11" s="56"/>
      <c r="K11" s="56"/>
      <c r="L11" s="57"/>
      <c r="M11" s="56"/>
      <c r="N11" s="56"/>
      <c r="O11" s="56"/>
      <c r="P11" s="58"/>
      <c r="Q11" s="58"/>
      <c r="R11" s="58"/>
      <c r="S11" s="58"/>
      <c r="T11" s="58"/>
      <c r="U11" s="58"/>
      <c r="V11" s="58"/>
      <c r="W11" s="58"/>
      <c r="X11" s="59"/>
      <c r="Y11" s="27" t="s">
        <v>11</v>
      </c>
      <c r="Z11" s="28" t="s">
        <v>24</v>
      </c>
      <c r="AA11" s="28"/>
      <c r="AB11" s="60"/>
      <c r="AC11" s="31"/>
      <c r="AD11" s="32"/>
      <c r="AE11" s="32"/>
      <c r="AF11" s="33"/>
    </row>
    <row r="12" spans="1:32" ht="18.75" customHeight="1">
      <c r="A12" s="48"/>
      <c r="B12" s="49"/>
      <c r="C12" s="50"/>
      <c r="D12" s="51"/>
      <c r="E12" s="30"/>
      <c r="F12" s="52"/>
      <c r="G12" s="59"/>
      <c r="H12" s="61" t="s">
        <v>25</v>
      </c>
      <c r="I12" s="62" t="s">
        <v>11</v>
      </c>
      <c r="J12" s="63" t="s">
        <v>21</v>
      </c>
      <c r="K12" s="64"/>
      <c r="L12" s="65" t="s">
        <v>11</v>
      </c>
      <c r="M12" s="63" t="s">
        <v>22</v>
      </c>
      <c r="N12" s="64"/>
      <c r="O12" s="64"/>
      <c r="P12" s="64"/>
      <c r="Q12" s="64"/>
      <c r="R12" s="64"/>
      <c r="S12" s="64"/>
      <c r="T12" s="64"/>
      <c r="U12" s="64"/>
      <c r="V12" s="64"/>
      <c r="W12" s="64"/>
      <c r="X12" s="66"/>
      <c r="Y12" s="67"/>
      <c r="Z12" s="28"/>
      <c r="AA12" s="67"/>
      <c r="AB12" s="60"/>
      <c r="AC12" s="31"/>
      <c r="AD12" s="32"/>
      <c r="AE12" s="32"/>
      <c r="AF12" s="33"/>
    </row>
    <row r="13" spans="1:32" ht="18.75" customHeight="1">
      <c r="A13" s="68"/>
      <c r="B13" s="49"/>
      <c r="C13" s="50"/>
      <c r="D13" s="51"/>
      <c r="E13" s="30"/>
      <c r="F13" s="52"/>
      <c r="G13" s="59"/>
      <c r="H13" s="69" t="s">
        <v>26</v>
      </c>
      <c r="I13" s="70" t="s">
        <v>11</v>
      </c>
      <c r="J13" s="71" t="s">
        <v>27</v>
      </c>
      <c r="K13" s="71"/>
      <c r="L13" s="71"/>
      <c r="M13" s="70" t="s">
        <v>11</v>
      </c>
      <c r="N13" s="71" t="s">
        <v>28</v>
      </c>
      <c r="O13" s="71"/>
      <c r="P13" s="71"/>
      <c r="Q13" s="72"/>
      <c r="R13" s="72"/>
      <c r="S13" s="72"/>
      <c r="T13" s="72"/>
      <c r="U13" s="72"/>
      <c r="V13" s="72"/>
      <c r="W13" s="72"/>
      <c r="X13" s="73"/>
      <c r="Y13" s="67"/>
      <c r="Z13" s="28"/>
      <c r="AA13" s="67"/>
      <c r="AB13" s="60"/>
      <c r="AC13" s="31"/>
      <c r="AD13" s="32"/>
      <c r="AE13" s="32"/>
      <c r="AF13" s="33"/>
    </row>
    <row r="14" spans="1:32" ht="18.75" customHeight="1">
      <c r="A14" s="27" t="s">
        <v>11</v>
      </c>
      <c r="B14" s="49">
        <v>43</v>
      </c>
      <c r="C14" s="50" t="s">
        <v>29</v>
      </c>
      <c r="D14" s="51"/>
      <c r="E14" s="30"/>
      <c r="F14" s="52"/>
      <c r="G14" s="59"/>
      <c r="H14" s="74"/>
      <c r="I14" s="75"/>
      <c r="J14" s="76"/>
      <c r="K14" s="76"/>
      <c r="L14" s="76"/>
      <c r="M14" s="75"/>
      <c r="N14" s="76"/>
      <c r="O14" s="76"/>
      <c r="P14" s="76"/>
      <c r="Q14" s="77"/>
      <c r="R14" s="77"/>
      <c r="S14" s="77"/>
      <c r="T14" s="77"/>
      <c r="U14" s="77"/>
      <c r="V14" s="77"/>
      <c r="W14" s="77"/>
      <c r="X14" s="78"/>
      <c r="Y14" s="79"/>
      <c r="Z14" s="67"/>
      <c r="AA14" s="67"/>
      <c r="AB14" s="60"/>
      <c r="AC14" s="31"/>
      <c r="AD14" s="32"/>
      <c r="AE14" s="32"/>
      <c r="AF14" s="33"/>
    </row>
    <row r="15" spans="1:32" ht="18.75" customHeight="1">
      <c r="A15" s="68"/>
      <c r="C15" s="50"/>
      <c r="D15" s="51"/>
      <c r="E15" s="30"/>
      <c r="F15" s="52"/>
      <c r="G15" s="59"/>
      <c r="H15" s="69" t="s">
        <v>30</v>
      </c>
      <c r="I15" s="80" t="s">
        <v>11</v>
      </c>
      <c r="J15" s="81" t="s">
        <v>27</v>
      </c>
      <c r="K15" s="81"/>
      <c r="L15" s="81"/>
      <c r="M15" s="82" t="s">
        <v>11</v>
      </c>
      <c r="N15" s="81" t="s">
        <v>28</v>
      </c>
      <c r="O15" s="81"/>
      <c r="P15" s="81"/>
      <c r="Q15" s="72"/>
      <c r="R15" s="72"/>
      <c r="S15" s="72"/>
      <c r="T15" s="72"/>
      <c r="U15" s="72"/>
      <c r="V15" s="72"/>
      <c r="W15" s="72"/>
      <c r="X15" s="73"/>
      <c r="Y15" s="79"/>
      <c r="Z15" s="67"/>
      <c r="AA15" s="67"/>
      <c r="AB15" s="60"/>
      <c r="AC15" s="31"/>
      <c r="AD15" s="32"/>
      <c r="AE15" s="32"/>
      <c r="AF15" s="33"/>
    </row>
    <row r="16" spans="1:32" ht="18.75" customHeight="1">
      <c r="A16" s="48"/>
      <c r="B16" s="49"/>
      <c r="C16" s="50"/>
      <c r="D16" s="51"/>
      <c r="E16" s="30"/>
      <c r="F16" s="52"/>
      <c r="G16" s="59"/>
      <c r="H16" s="74"/>
      <c r="I16" s="80"/>
      <c r="J16" s="81"/>
      <c r="K16" s="81"/>
      <c r="L16" s="81"/>
      <c r="M16" s="82"/>
      <c r="N16" s="81"/>
      <c r="O16" s="81"/>
      <c r="P16" s="81"/>
      <c r="Q16" s="77"/>
      <c r="R16" s="77"/>
      <c r="S16" s="77"/>
      <c r="T16" s="77"/>
      <c r="U16" s="77"/>
      <c r="V16" s="77"/>
      <c r="W16" s="77"/>
      <c r="X16" s="78"/>
      <c r="Y16" s="79"/>
      <c r="Z16" s="67"/>
      <c r="AA16" s="67"/>
      <c r="AB16" s="60"/>
      <c r="AC16" s="31"/>
      <c r="AD16" s="32"/>
      <c r="AE16" s="32"/>
      <c r="AF16" s="33"/>
    </row>
    <row r="17" spans="1:32" ht="18.75" customHeight="1">
      <c r="A17" s="48"/>
      <c r="B17" s="49"/>
      <c r="C17" s="50"/>
      <c r="D17" s="51"/>
      <c r="E17" s="30"/>
      <c r="F17" s="52"/>
      <c r="G17" s="59"/>
      <c r="H17" s="61" t="s">
        <v>31</v>
      </c>
      <c r="I17" s="62" t="s">
        <v>11</v>
      </c>
      <c r="J17" s="63" t="s">
        <v>21</v>
      </c>
      <c r="K17" s="64"/>
      <c r="L17" s="65" t="s">
        <v>11</v>
      </c>
      <c r="M17" s="63" t="s">
        <v>22</v>
      </c>
      <c r="N17" s="64"/>
      <c r="O17" s="64"/>
      <c r="P17" s="64"/>
      <c r="Q17" s="64"/>
      <c r="R17" s="64"/>
      <c r="S17" s="64"/>
      <c r="T17" s="64"/>
      <c r="U17" s="64"/>
      <c r="V17" s="64"/>
      <c r="W17" s="64"/>
      <c r="X17" s="66"/>
      <c r="Y17" s="79"/>
      <c r="Z17" s="67"/>
      <c r="AA17" s="67"/>
      <c r="AB17" s="60"/>
      <c r="AC17" s="31"/>
      <c r="AD17" s="32"/>
      <c r="AE17" s="32"/>
      <c r="AF17" s="33"/>
    </row>
    <row r="18" spans="1:32" ht="18.75" customHeight="1">
      <c r="A18" s="48"/>
      <c r="B18" s="49"/>
      <c r="C18" s="50"/>
      <c r="D18" s="51"/>
      <c r="E18" s="30"/>
      <c r="F18" s="52"/>
      <c r="G18" s="59"/>
      <c r="H18" s="61" t="s">
        <v>32</v>
      </c>
      <c r="I18" s="62" t="s">
        <v>11</v>
      </c>
      <c r="J18" s="63" t="s">
        <v>21</v>
      </c>
      <c r="K18" s="63"/>
      <c r="L18" s="65" t="s">
        <v>11</v>
      </c>
      <c r="M18" s="63" t="s">
        <v>33</v>
      </c>
      <c r="N18" s="63"/>
      <c r="O18" s="65" t="s">
        <v>11</v>
      </c>
      <c r="P18" s="63" t="s">
        <v>34</v>
      </c>
      <c r="Q18" s="83"/>
      <c r="R18" s="65" t="s">
        <v>11</v>
      </c>
      <c r="S18" s="63" t="s">
        <v>35</v>
      </c>
      <c r="T18" s="64"/>
      <c r="U18" s="65" t="s">
        <v>11</v>
      </c>
      <c r="V18" s="63" t="s">
        <v>36</v>
      </c>
      <c r="W18" s="64"/>
      <c r="X18" s="66"/>
      <c r="Y18" s="79"/>
      <c r="Z18" s="67"/>
      <c r="AA18" s="67"/>
      <c r="AB18" s="60"/>
      <c r="AC18" s="31"/>
      <c r="AD18" s="32"/>
      <c r="AE18" s="32"/>
      <c r="AF18" s="33"/>
    </row>
    <row r="19" spans="1:32" ht="18.75" customHeight="1">
      <c r="A19" s="48"/>
      <c r="B19" s="49"/>
      <c r="C19" s="50"/>
      <c r="D19" s="51"/>
      <c r="E19" s="30"/>
      <c r="F19" s="52"/>
      <c r="G19" s="59"/>
      <c r="H19" s="84" t="s">
        <v>37</v>
      </c>
      <c r="I19" s="62" t="s">
        <v>11</v>
      </c>
      <c r="J19" s="63" t="s">
        <v>21</v>
      </c>
      <c r="K19" s="64"/>
      <c r="L19" s="65" t="s">
        <v>11</v>
      </c>
      <c r="M19" s="63" t="s">
        <v>22</v>
      </c>
      <c r="N19" s="64"/>
      <c r="O19" s="64"/>
      <c r="P19" s="64"/>
      <c r="Q19" s="64"/>
      <c r="R19" s="64"/>
      <c r="S19" s="64"/>
      <c r="T19" s="64"/>
      <c r="U19" s="64"/>
      <c r="V19" s="64"/>
      <c r="W19" s="64"/>
      <c r="X19" s="66"/>
      <c r="Y19" s="79"/>
      <c r="Z19" s="67"/>
      <c r="AA19" s="67"/>
      <c r="AB19" s="60"/>
      <c r="AC19" s="31"/>
      <c r="AD19" s="32"/>
      <c r="AE19" s="32"/>
      <c r="AF19" s="33"/>
    </row>
    <row r="20" spans="1:32" ht="18.75" customHeight="1">
      <c r="A20" s="48"/>
      <c r="B20" s="49"/>
      <c r="C20" s="50"/>
      <c r="D20" s="51"/>
      <c r="E20" s="30"/>
      <c r="F20" s="52"/>
      <c r="G20" s="59"/>
      <c r="H20" s="85" t="s">
        <v>38</v>
      </c>
      <c r="I20" s="86" t="s">
        <v>11</v>
      </c>
      <c r="J20" s="87" t="s">
        <v>21</v>
      </c>
      <c r="K20" s="88"/>
      <c r="L20" s="89" t="s">
        <v>11</v>
      </c>
      <c r="M20" s="87" t="s">
        <v>22</v>
      </c>
      <c r="N20" s="88"/>
      <c r="O20" s="88"/>
      <c r="P20" s="88"/>
      <c r="Q20" s="88"/>
      <c r="R20" s="88"/>
      <c r="S20" s="88"/>
      <c r="T20" s="88"/>
      <c r="U20" s="88"/>
      <c r="V20" s="88"/>
      <c r="W20" s="88"/>
      <c r="X20" s="90"/>
      <c r="Y20" s="79"/>
      <c r="Z20" s="67"/>
      <c r="AA20" s="67"/>
      <c r="AB20" s="60"/>
      <c r="AC20" s="31"/>
      <c r="AD20" s="32"/>
      <c r="AE20" s="32"/>
      <c r="AF20" s="33"/>
    </row>
    <row r="21" spans="1:32" ht="18.75" customHeight="1">
      <c r="A21" s="91"/>
      <c r="B21" s="92"/>
      <c r="C21" s="93"/>
      <c r="D21" s="94"/>
      <c r="E21" s="95"/>
      <c r="F21" s="96"/>
      <c r="G21" s="97"/>
      <c r="H21" s="98" t="s">
        <v>39</v>
      </c>
      <c r="I21" s="99" t="s">
        <v>11</v>
      </c>
      <c r="J21" s="100" t="s">
        <v>21</v>
      </c>
      <c r="K21" s="100"/>
      <c r="L21" s="101" t="s">
        <v>11</v>
      </c>
      <c r="M21" s="100" t="s">
        <v>22</v>
      </c>
      <c r="N21" s="102"/>
      <c r="O21" s="103"/>
      <c r="P21" s="103"/>
      <c r="Q21" s="102"/>
      <c r="R21" s="102"/>
      <c r="S21" s="102"/>
      <c r="T21" s="102"/>
      <c r="U21" s="102"/>
      <c r="V21" s="102"/>
      <c r="W21" s="102"/>
      <c r="X21" s="104"/>
      <c r="Y21" s="105"/>
      <c r="Z21" s="106"/>
      <c r="AA21" s="106"/>
      <c r="AB21" s="107"/>
      <c r="AC21" s="108"/>
      <c r="AD21" s="109"/>
      <c r="AE21" s="109"/>
      <c r="AF21" s="110"/>
    </row>
    <row r="22" spans="1:32" ht="8.25" customHeight="1">
      <c r="A22" s="111"/>
      <c r="B22" s="111"/>
      <c r="G22" s="28"/>
      <c r="H22" s="28"/>
      <c r="I22" s="28"/>
      <c r="J22" s="28"/>
      <c r="K22" s="28"/>
      <c r="L22" s="28"/>
      <c r="M22" s="28"/>
      <c r="N22" s="28"/>
      <c r="O22" s="28"/>
      <c r="P22" s="28"/>
      <c r="Q22" s="28"/>
      <c r="R22" s="28"/>
      <c r="S22" s="28"/>
      <c r="T22" s="28"/>
      <c r="U22" s="28"/>
      <c r="V22" s="28"/>
      <c r="W22" s="28"/>
      <c r="X22" s="28"/>
      <c r="Y22" s="28"/>
      <c r="Z22" s="28"/>
      <c r="AA22" s="28"/>
      <c r="AB22" s="28"/>
    </row>
    <row r="23" spans="1:32" ht="20.25" customHeight="1">
      <c r="A23" s="111"/>
      <c r="B23" s="111"/>
      <c r="C23" s="28" t="s">
        <v>40</v>
      </c>
      <c r="D23" s="28"/>
      <c r="E23" s="112"/>
      <c r="F23" s="112"/>
      <c r="G23" s="112"/>
      <c r="H23" s="112"/>
      <c r="I23" s="112"/>
      <c r="J23" s="112"/>
      <c r="K23" s="112"/>
      <c r="L23" s="112"/>
      <c r="M23" s="112"/>
      <c r="N23" s="112"/>
      <c r="O23" s="112"/>
      <c r="P23" s="112"/>
      <c r="Q23" s="112"/>
      <c r="R23" s="112"/>
      <c r="S23" s="112"/>
      <c r="T23" s="112"/>
      <c r="U23" s="112"/>
      <c r="V23" s="112"/>
    </row>
  </sheetData>
  <mergeCells count="30">
    <mergeCell ref="N13:P14"/>
    <mergeCell ref="H15:H16"/>
    <mergeCell ref="I15:I16"/>
    <mergeCell ref="J15:L16"/>
    <mergeCell ref="M15:M16"/>
    <mergeCell ref="N15:P16"/>
    <mergeCell ref="H10:H11"/>
    <mergeCell ref="I10:I11"/>
    <mergeCell ref="J10:K11"/>
    <mergeCell ref="L10:L11"/>
    <mergeCell ref="M10:O11"/>
    <mergeCell ref="AC10:AF21"/>
    <mergeCell ref="H13:H14"/>
    <mergeCell ref="I13:I14"/>
    <mergeCell ref="J13:L14"/>
    <mergeCell ref="M13:M14"/>
    <mergeCell ref="A8:C9"/>
    <mergeCell ref="D8:E9"/>
    <mergeCell ref="F8:G9"/>
    <mergeCell ref="H8:H9"/>
    <mergeCell ref="Y8:AB9"/>
    <mergeCell ref="AC8:AF9"/>
    <mergeCell ref="A3:AF3"/>
    <mergeCell ref="S5:V5"/>
    <mergeCell ref="A7:C7"/>
    <mergeCell ref="D7:E7"/>
    <mergeCell ref="F7:G7"/>
    <mergeCell ref="H7:X7"/>
    <mergeCell ref="Y7:AB7"/>
    <mergeCell ref="AC7:AF7"/>
  </mergeCells>
  <phoneticPr fontId="2"/>
  <pageMargins left="0.7" right="0.7" top="0.75" bottom="0.75" header="0.3" footer="0.3"/>
  <pageSetup paperSize="9" scale="10"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r:uid="{32F01C6B-AD7E-46C0-A957-0DCED8955340}">
          <x14:formula1>
            <xm:f>"□,■"</xm:f>
          </x14:formula1>
          <xm:sqref>M8:M9 JI8:JI9 TE8:TE9 ADA8:ADA9 AMW8:AMW9 AWS8:AWS9 BGO8:BGO9 BQK8:BQK9 CAG8:CAG9 CKC8:CKC9 CTY8:CTY9 DDU8:DDU9 DNQ8:DNQ9 DXM8:DXM9 EHI8:EHI9 ERE8:ERE9 FBA8:FBA9 FKW8:FKW9 FUS8:FUS9 GEO8:GEO9 GOK8:GOK9 GYG8:GYG9 HIC8:HIC9 HRY8:HRY9 IBU8:IBU9 ILQ8:ILQ9 IVM8:IVM9 JFI8:JFI9 JPE8:JPE9 JZA8:JZA9 KIW8:KIW9 KSS8:KSS9 LCO8:LCO9 LMK8:LMK9 LWG8:LWG9 MGC8:MGC9 MPY8:MPY9 MZU8:MZU9 NJQ8:NJQ9 NTM8:NTM9 ODI8:ODI9 ONE8:ONE9 OXA8:OXA9 PGW8:PGW9 PQS8:PQS9 QAO8:QAO9 QKK8:QKK9 QUG8:QUG9 REC8:REC9 RNY8:RNY9 RXU8:RXU9 SHQ8:SHQ9 SRM8:SRM9 TBI8:TBI9 TLE8:TLE9 TVA8:TVA9 UEW8:UEW9 UOS8:UOS9 UYO8:UYO9 VIK8:VIK9 VSG8:VSG9 WCC8:WCC9 WLY8:WLY9 WVU8:WVU9 M65544:M65545 JI65544:JI65545 TE65544:TE65545 ADA65544:ADA65545 AMW65544:AMW65545 AWS65544:AWS65545 BGO65544:BGO65545 BQK65544:BQK65545 CAG65544:CAG65545 CKC65544:CKC65545 CTY65544:CTY65545 DDU65544:DDU65545 DNQ65544:DNQ65545 DXM65544:DXM65545 EHI65544:EHI65545 ERE65544:ERE65545 FBA65544:FBA65545 FKW65544:FKW65545 FUS65544:FUS65545 GEO65544:GEO65545 GOK65544:GOK65545 GYG65544:GYG65545 HIC65544:HIC65545 HRY65544:HRY65545 IBU65544:IBU65545 ILQ65544:ILQ65545 IVM65544:IVM65545 JFI65544:JFI65545 JPE65544:JPE65545 JZA65544:JZA65545 KIW65544:KIW65545 KSS65544:KSS65545 LCO65544:LCO65545 LMK65544:LMK65545 LWG65544:LWG65545 MGC65544:MGC65545 MPY65544:MPY65545 MZU65544:MZU65545 NJQ65544:NJQ65545 NTM65544:NTM65545 ODI65544:ODI65545 ONE65544:ONE65545 OXA65544:OXA65545 PGW65544:PGW65545 PQS65544:PQS65545 QAO65544:QAO65545 QKK65544:QKK65545 QUG65544:QUG65545 REC65544:REC65545 RNY65544:RNY65545 RXU65544:RXU65545 SHQ65544:SHQ65545 SRM65544:SRM65545 TBI65544:TBI65545 TLE65544:TLE65545 TVA65544:TVA65545 UEW65544:UEW65545 UOS65544:UOS65545 UYO65544:UYO65545 VIK65544:VIK65545 VSG65544:VSG65545 WCC65544:WCC65545 WLY65544:WLY65545 WVU65544:WVU65545 M131080:M131081 JI131080:JI131081 TE131080:TE131081 ADA131080:ADA131081 AMW131080:AMW131081 AWS131080:AWS131081 BGO131080:BGO131081 BQK131080:BQK131081 CAG131080:CAG131081 CKC131080:CKC131081 CTY131080:CTY131081 DDU131080:DDU131081 DNQ131080:DNQ131081 DXM131080:DXM131081 EHI131080:EHI131081 ERE131080:ERE131081 FBA131080:FBA131081 FKW131080:FKW131081 FUS131080:FUS131081 GEO131080:GEO131081 GOK131080:GOK131081 GYG131080:GYG131081 HIC131080:HIC131081 HRY131080:HRY131081 IBU131080:IBU131081 ILQ131080:ILQ131081 IVM131080:IVM131081 JFI131080:JFI131081 JPE131080:JPE131081 JZA131080:JZA131081 KIW131080:KIW131081 KSS131080:KSS131081 LCO131080:LCO131081 LMK131080:LMK131081 LWG131080:LWG131081 MGC131080:MGC131081 MPY131080:MPY131081 MZU131080:MZU131081 NJQ131080:NJQ131081 NTM131080:NTM131081 ODI131080:ODI131081 ONE131080:ONE131081 OXA131080:OXA131081 PGW131080:PGW131081 PQS131080:PQS131081 QAO131080:QAO131081 QKK131080:QKK131081 QUG131080:QUG131081 REC131080:REC131081 RNY131080:RNY131081 RXU131080:RXU131081 SHQ131080:SHQ131081 SRM131080:SRM131081 TBI131080:TBI131081 TLE131080:TLE131081 TVA131080:TVA131081 UEW131080:UEW131081 UOS131080:UOS131081 UYO131080:UYO131081 VIK131080:VIK131081 VSG131080:VSG131081 WCC131080:WCC131081 WLY131080:WLY131081 WVU131080:WVU131081 M196616:M196617 JI196616:JI196617 TE196616:TE196617 ADA196616:ADA196617 AMW196616:AMW196617 AWS196616:AWS196617 BGO196616:BGO196617 BQK196616:BQK196617 CAG196616:CAG196617 CKC196616:CKC196617 CTY196616:CTY196617 DDU196616:DDU196617 DNQ196616:DNQ196617 DXM196616:DXM196617 EHI196616:EHI196617 ERE196616:ERE196617 FBA196616:FBA196617 FKW196616:FKW196617 FUS196616:FUS196617 GEO196616:GEO196617 GOK196616:GOK196617 GYG196616:GYG196617 HIC196616:HIC196617 HRY196616:HRY196617 IBU196616:IBU196617 ILQ196616:ILQ196617 IVM196616:IVM196617 JFI196616:JFI196617 JPE196616:JPE196617 JZA196616:JZA196617 KIW196616:KIW196617 KSS196616:KSS196617 LCO196616:LCO196617 LMK196616:LMK196617 LWG196616:LWG196617 MGC196616:MGC196617 MPY196616:MPY196617 MZU196616:MZU196617 NJQ196616:NJQ196617 NTM196616:NTM196617 ODI196616:ODI196617 ONE196616:ONE196617 OXA196616:OXA196617 PGW196616:PGW196617 PQS196616:PQS196617 QAO196616:QAO196617 QKK196616:QKK196617 QUG196616:QUG196617 REC196616:REC196617 RNY196616:RNY196617 RXU196616:RXU196617 SHQ196616:SHQ196617 SRM196616:SRM196617 TBI196616:TBI196617 TLE196616:TLE196617 TVA196616:TVA196617 UEW196616:UEW196617 UOS196616:UOS196617 UYO196616:UYO196617 VIK196616:VIK196617 VSG196616:VSG196617 WCC196616:WCC196617 WLY196616:WLY196617 WVU196616:WVU196617 M262152:M262153 JI262152:JI262153 TE262152:TE262153 ADA262152:ADA262153 AMW262152:AMW262153 AWS262152:AWS262153 BGO262152:BGO262153 BQK262152:BQK262153 CAG262152:CAG262153 CKC262152:CKC262153 CTY262152:CTY262153 DDU262152:DDU262153 DNQ262152:DNQ262153 DXM262152:DXM262153 EHI262152:EHI262153 ERE262152:ERE262153 FBA262152:FBA262153 FKW262152:FKW262153 FUS262152:FUS262153 GEO262152:GEO262153 GOK262152:GOK262153 GYG262152:GYG262153 HIC262152:HIC262153 HRY262152:HRY262153 IBU262152:IBU262153 ILQ262152:ILQ262153 IVM262152:IVM262153 JFI262152:JFI262153 JPE262152:JPE262153 JZA262152:JZA262153 KIW262152:KIW262153 KSS262152:KSS262153 LCO262152:LCO262153 LMK262152:LMK262153 LWG262152:LWG262153 MGC262152:MGC262153 MPY262152:MPY262153 MZU262152:MZU262153 NJQ262152:NJQ262153 NTM262152:NTM262153 ODI262152:ODI262153 ONE262152:ONE262153 OXA262152:OXA262153 PGW262152:PGW262153 PQS262152:PQS262153 QAO262152:QAO262153 QKK262152:QKK262153 QUG262152:QUG262153 REC262152:REC262153 RNY262152:RNY262153 RXU262152:RXU262153 SHQ262152:SHQ262153 SRM262152:SRM262153 TBI262152:TBI262153 TLE262152:TLE262153 TVA262152:TVA262153 UEW262152:UEW262153 UOS262152:UOS262153 UYO262152:UYO262153 VIK262152:VIK262153 VSG262152:VSG262153 WCC262152:WCC262153 WLY262152:WLY262153 WVU262152:WVU262153 M327688:M327689 JI327688:JI327689 TE327688:TE327689 ADA327688:ADA327689 AMW327688:AMW327689 AWS327688:AWS327689 BGO327688:BGO327689 BQK327688:BQK327689 CAG327688:CAG327689 CKC327688:CKC327689 CTY327688:CTY327689 DDU327688:DDU327689 DNQ327688:DNQ327689 DXM327688:DXM327689 EHI327688:EHI327689 ERE327688:ERE327689 FBA327688:FBA327689 FKW327688:FKW327689 FUS327688:FUS327689 GEO327688:GEO327689 GOK327688:GOK327689 GYG327688:GYG327689 HIC327688:HIC327689 HRY327688:HRY327689 IBU327688:IBU327689 ILQ327688:ILQ327689 IVM327688:IVM327689 JFI327688:JFI327689 JPE327688:JPE327689 JZA327688:JZA327689 KIW327688:KIW327689 KSS327688:KSS327689 LCO327688:LCO327689 LMK327688:LMK327689 LWG327688:LWG327689 MGC327688:MGC327689 MPY327688:MPY327689 MZU327688:MZU327689 NJQ327688:NJQ327689 NTM327688:NTM327689 ODI327688:ODI327689 ONE327688:ONE327689 OXA327688:OXA327689 PGW327688:PGW327689 PQS327688:PQS327689 QAO327688:QAO327689 QKK327688:QKK327689 QUG327688:QUG327689 REC327688:REC327689 RNY327688:RNY327689 RXU327688:RXU327689 SHQ327688:SHQ327689 SRM327688:SRM327689 TBI327688:TBI327689 TLE327688:TLE327689 TVA327688:TVA327689 UEW327688:UEW327689 UOS327688:UOS327689 UYO327688:UYO327689 VIK327688:VIK327689 VSG327688:VSG327689 WCC327688:WCC327689 WLY327688:WLY327689 WVU327688:WVU327689 M393224:M393225 JI393224:JI393225 TE393224:TE393225 ADA393224:ADA393225 AMW393224:AMW393225 AWS393224:AWS393225 BGO393224:BGO393225 BQK393224:BQK393225 CAG393224:CAG393225 CKC393224:CKC393225 CTY393224:CTY393225 DDU393224:DDU393225 DNQ393224:DNQ393225 DXM393224:DXM393225 EHI393224:EHI393225 ERE393224:ERE393225 FBA393224:FBA393225 FKW393224:FKW393225 FUS393224:FUS393225 GEO393224:GEO393225 GOK393224:GOK393225 GYG393224:GYG393225 HIC393224:HIC393225 HRY393224:HRY393225 IBU393224:IBU393225 ILQ393224:ILQ393225 IVM393224:IVM393225 JFI393224:JFI393225 JPE393224:JPE393225 JZA393224:JZA393225 KIW393224:KIW393225 KSS393224:KSS393225 LCO393224:LCO393225 LMK393224:LMK393225 LWG393224:LWG393225 MGC393224:MGC393225 MPY393224:MPY393225 MZU393224:MZU393225 NJQ393224:NJQ393225 NTM393224:NTM393225 ODI393224:ODI393225 ONE393224:ONE393225 OXA393224:OXA393225 PGW393224:PGW393225 PQS393224:PQS393225 QAO393224:QAO393225 QKK393224:QKK393225 QUG393224:QUG393225 REC393224:REC393225 RNY393224:RNY393225 RXU393224:RXU393225 SHQ393224:SHQ393225 SRM393224:SRM393225 TBI393224:TBI393225 TLE393224:TLE393225 TVA393224:TVA393225 UEW393224:UEW393225 UOS393224:UOS393225 UYO393224:UYO393225 VIK393224:VIK393225 VSG393224:VSG393225 WCC393224:WCC393225 WLY393224:WLY393225 WVU393224:WVU393225 M458760:M458761 JI458760:JI458761 TE458760:TE458761 ADA458760:ADA458761 AMW458760:AMW458761 AWS458760:AWS458761 BGO458760:BGO458761 BQK458760:BQK458761 CAG458760:CAG458761 CKC458760:CKC458761 CTY458760:CTY458761 DDU458760:DDU458761 DNQ458760:DNQ458761 DXM458760:DXM458761 EHI458760:EHI458761 ERE458760:ERE458761 FBA458760:FBA458761 FKW458760:FKW458761 FUS458760:FUS458761 GEO458760:GEO458761 GOK458760:GOK458761 GYG458760:GYG458761 HIC458760:HIC458761 HRY458760:HRY458761 IBU458760:IBU458761 ILQ458760:ILQ458761 IVM458760:IVM458761 JFI458760:JFI458761 JPE458760:JPE458761 JZA458760:JZA458761 KIW458760:KIW458761 KSS458760:KSS458761 LCO458760:LCO458761 LMK458760:LMK458761 LWG458760:LWG458761 MGC458760:MGC458761 MPY458760:MPY458761 MZU458760:MZU458761 NJQ458760:NJQ458761 NTM458760:NTM458761 ODI458760:ODI458761 ONE458760:ONE458761 OXA458760:OXA458761 PGW458760:PGW458761 PQS458760:PQS458761 QAO458760:QAO458761 QKK458760:QKK458761 QUG458760:QUG458761 REC458760:REC458761 RNY458760:RNY458761 RXU458760:RXU458761 SHQ458760:SHQ458761 SRM458760:SRM458761 TBI458760:TBI458761 TLE458760:TLE458761 TVA458760:TVA458761 UEW458760:UEW458761 UOS458760:UOS458761 UYO458760:UYO458761 VIK458760:VIK458761 VSG458760:VSG458761 WCC458760:WCC458761 WLY458760:WLY458761 WVU458760:WVU458761 M524296:M524297 JI524296:JI524297 TE524296:TE524297 ADA524296:ADA524297 AMW524296:AMW524297 AWS524296:AWS524297 BGO524296:BGO524297 BQK524296:BQK524297 CAG524296:CAG524297 CKC524296:CKC524297 CTY524296:CTY524297 DDU524296:DDU524297 DNQ524296:DNQ524297 DXM524296:DXM524297 EHI524296:EHI524297 ERE524296:ERE524297 FBA524296:FBA524297 FKW524296:FKW524297 FUS524296:FUS524297 GEO524296:GEO524297 GOK524296:GOK524297 GYG524296:GYG524297 HIC524296:HIC524297 HRY524296:HRY524297 IBU524296:IBU524297 ILQ524296:ILQ524297 IVM524296:IVM524297 JFI524296:JFI524297 JPE524296:JPE524297 JZA524296:JZA524297 KIW524296:KIW524297 KSS524296:KSS524297 LCO524296:LCO524297 LMK524296:LMK524297 LWG524296:LWG524297 MGC524296:MGC524297 MPY524296:MPY524297 MZU524296:MZU524297 NJQ524296:NJQ524297 NTM524296:NTM524297 ODI524296:ODI524297 ONE524296:ONE524297 OXA524296:OXA524297 PGW524296:PGW524297 PQS524296:PQS524297 QAO524296:QAO524297 QKK524296:QKK524297 QUG524296:QUG524297 REC524296:REC524297 RNY524296:RNY524297 RXU524296:RXU524297 SHQ524296:SHQ524297 SRM524296:SRM524297 TBI524296:TBI524297 TLE524296:TLE524297 TVA524296:TVA524297 UEW524296:UEW524297 UOS524296:UOS524297 UYO524296:UYO524297 VIK524296:VIK524297 VSG524296:VSG524297 WCC524296:WCC524297 WLY524296:WLY524297 WVU524296:WVU524297 M589832:M589833 JI589832:JI589833 TE589832:TE589833 ADA589832:ADA589833 AMW589832:AMW589833 AWS589832:AWS589833 BGO589832:BGO589833 BQK589832:BQK589833 CAG589832:CAG589833 CKC589832:CKC589833 CTY589832:CTY589833 DDU589832:DDU589833 DNQ589832:DNQ589833 DXM589832:DXM589833 EHI589832:EHI589833 ERE589832:ERE589833 FBA589832:FBA589833 FKW589832:FKW589833 FUS589832:FUS589833 GEO589832:GEO589833 GOK589832:GOK589833 GYG589832:GYG589833 HIC589832:HIC589833 HRY589832:HRY589833 IBU589832:IBU589833 ILQ589832:ILQ589833 IVM589832:IVM589833 JFI589832:JFI589833 JPE589832:JPE589833 JZA589832:JZA589833 KIW589832:KIW589833 KSS589832:KSS589833 LCO589832:LCO589833 LMK589832:LMK589833 LWG589832:LWG589833 MGC589832:MGC589833 MPY589832:MPY589833 MZU589832:MZU589833 NJQ589832:NJQ589833 NTM589832:NTM589833 ODI589832:ODI589833 ONE589832:ONE589833 OXA589832:OXA589833 PGW589832:PGW589833 PQS589832:PQS589833 QAO589832:QAO589833 QKK589832:QKK589833 QUG589832:QUG589833 REC589832:REC589833 RNY589832:RNY589833 RXU589832:RXU589833 SHQ589832:SHQ589833 SRM589832:SRM589833 TBI589832:TBI589833 TLE589832:TLE589833 TVA589832:TVA589833 UEW589832:UEW589833 UOS589832:UOS589833 UYO589832:UYO589833 VIK589832:VIK589833 VSG589832:VSG589833 WCC589832:WCC589833 WLY589832:WLY589833 WVU589832:WVU589833 M655368:M655369 JI655368:JI655369 TE655368:TE655369 ADA655368:ADA655369 AMW655368:AMW655369 AWS655368:AWS655369 BGO655368:BGO655369 BQK655368:BQK655369 CAG655368:CAG655369 CKC655368:CKC655369 CTY655368:CTY655369 DDU655368:DDU655369 DNQ655368:DNQ655369 DXM655368:DXM655369 EHI655368:EHI655369 ERE655368:ERE655369 FBA655368:FBA655369 FKW655368:FKW655369 FUS655368:FUS655369 GEO655368:GEO655369 GOK655368:GOK655369 GYG655368:GYG655369 HIC655368:HIC655369 HRY655368:HRY655369 IBU655368:IBU655369 ILQ655368:ILQ655369 IVM655368:IVM655369 JFI655368:JFI655369 JPE655368:JPE655369 JZA655368:JZA655369 KIW655368:KIW655369 KSS655368:KSS655369 LCO655368:LCO655369 LMK655368:LMK655369 LWG655368:LWG655369 MGC655368:MGC655369 MPY655368:MPY655369 MZU655368:MZU655369 NJQ655368:NJQ655369 NTM655368:NTM655369 ODI655368:ODI655369 ONE655368:ONE655369 OXA655368:OXA655369 PGW655368:PGW655369 PQS655368:PQS655369 QAO655368:QAO655369 QKK655368:QKK655369 QUG655368:QUG655369 REC655368:REC655369 RNY655368:RNY655369 RXU655368:RXU655369 SHQ655368:SHQ655369 SRM655368:SRM655369 TBI655368:TBI655369 TLE655368:TLE655369 TVA655368:TVA655369 UEW655368:UEW655369 UOS655368:UOS655369 UYO655368:UYO655369 VIK655368:VIK655369 VSG655368:VSG655369 WCC655368:WCC655369 WLY655368:WLY655369 WVU655368:WVU655369 M720904:M720905 JI720904:JI720905 TE720904:TE720905 ADA720904:ADA720905 AMW720904:AMW720905 AWS720904:AWS720905 BGO720904:BGO720905 BQK720904:BQK720905 CAG720904:CAG720905 CKC720904:CKC720905 CTY720904:CTY720905 DDU720904:DDU720905 DNQ720904:DNQ720905 DXM720904:DXM720905 EHI720904:EHI720905 ERE720904:ERE720905 FBA720904:FBA720905 FKW720904:FKW720905 FUS720904:FUS720905 GEO720904:GEO720905 GOK720904:GOK720905 GYG720904:GYG720905 HIC720904:HIC720905 HRY720904:HRY720905 IBU720904:IBU720905 ILQ720904:ILQ720905 IVM720904:IVM720905 JFI720904:JFI720905 JPE720904:JPE720905 JZA720904:JZA720905 KIW720904:KIW720905 KSS720904:KSS720905 LCO720904:LCO720905 LMK720904:LMK720905 LWG720904:LWG720905 MGC720904:MGC720905 MPY720904:MPY720905 MZU720904:MZU720905 NJQ720904:NJQ720905 NTM720904:NTM720905 ODI720904:ODI720905 ONE720904:ONE720905 OXA720904:OXA720905 PGW720904:PGW720905 PQS720904:PQS720905 QAO720904:QAO720905 QKK720904:QKK720905 QUG720904:QUG720905 REC720904:REC720905 RNY720904:RNY720905 RXU720904:RXU720905 SHQ720904:SHQ720905 SRM720904:SRM720905 TBI720904:TBI720905 TLE720904:TLE720905 TVA720904:TVA720905 UEW720904:UEW720905 UOS720904:UOS720905 UYO720904:UYO720905 VIK720904:VIK720905 VSG720904:VSG720905 WCC720904:WCC720905 WLY720904:WLY720905 WVU720904:WVU720905 M786440:M786441 JI786440:JI786441 TE786440:TE786441 ADA786440:ADA786441 AMW786440:AMW786441 AWS786440:AWS786441 BGO786440:BGO786441 BQK786440:BQK786441 CAG786440:CAG786441 CKC786440:CKC786441 CTY786440:CTY786441 DDU786440:DDU786441 DNQ786440:DNQ786441 DXM786440:DXM786441 EHI786440:EHI786441 ERE786440:ERE786441 FBA786440:FBA786441 FKW786440:FKW786441 FUS786440:FUS786441 GEO786440:GEO786441 GOK786440:GOK786441 GYG786440:GYG786441 HIC786440:HIC786441 HRY786440:HRY786441 IBU786440:IBU786441 ILQ786440:ILQ786441 IVM786440:IVM786441 JFI786440:JFI786441 JPE786440:JPE786441 JZA786440:JZA786441 KIW786440:KIW786441 KSS786440:KSS786441 LCO786440:LCO786441 LMK786440:LMK786441 LWG786440:LWG786441 MGC786440:MGC786441 MPY786440:MPY786441 MZU786440:MZU786441 NJQ786440:NJQ786441 NTM786440:NTM786441 ODI786440:ODI786441 ONE786440:ONE786441 OXA786440:OXA786441 PGW786440:PGW786441 PQS786440:PQS786441 QAO786440:QAO786441 QKK786440:QKK786441 QUG786440:QUG786441 REC786440:REC786441 RNY786440:RNY786441 RXU786440:RXU786441 SHQ786440:SHQ786441 SRM786440:SRM786441 TBI786440:TBI786441 TLE786440:TLE786441 TVA786440:TVA786441 UEW786440:UEW786441 UOS786440:UOS786441 UYO786440:UYO786441 VIK786440:VIK786441 VSG786440:VSG786441 WCC786440:WCC786441 WLY786440:WLY786441 WVU786440:WVU786441 M851976:M851977 JI851976:JI851977 TE851976:TE851977 ADA851976:ADA851977 AMW851976:AMW851977 AWS851976:AWS851977 BGO851976:BGO851977 BQK851976:BQK851977 CAG851976:CAG851977 CKC851976:CKC851977 CTY851976:CTY851977 DDU851976:DDU851977 DNQ851976:DNQ851977 DXM851976:DXM851977 EHI851976:EHI851977 ERE851976:ERE851977 FBA851976:FBA851977 FKW851976:FKW851977 FUS851976:FUS851977 GEO851976:GEO851977 GOK851976:GOK851977 GYG851976:GYG851977 HIC851976:HIC851977 HRY851976:HRY851977 IBU851976:IBU851977 ILQ851976:ILQ851977 IVM851976:IVM851977 JFI851976:JFI851977 JPE851976:JPE851977 JZA851976:JZA851977 KIW851976:KIW851977 KSS851976:KSS851977 LCO851976:LCO851977 LMK851976:LMK851977 LWG851976:LWG851977 MGC851976:MGC851977 MPY851976:MPY851977 MZU851976:MZU851977 NJQ851976:NJQ851977 NTM851976:NTM851977 ODI851976:ODI851977 ONE851976:ONE851977 OXA851976:OXA851977 PGW851976:PGW851977 PQS851976:PQS851977 QAO851976:QAO851977 QKK851976:QKK851977 QUG851976:QUG851977 REC851976:REC851977 RNY851976:RNY851977 RXU851976:RXU851977 SHQ851976:SHQ851977 SRM851976:SRM851977 TBI851976:TBI851977 TLE851976:TLE851977 TVA851976:TVA851977 UEW851976:UEW851977 UOS851976:UOS851977 UYO851976:UYO851977 VIK851976:VIK851977 VSG851976:VSG851977 WCC851976:WCC851977 WLY851976:WLY851977 WVU851976:WVU851977 M917512:M917513 JI917512:JI917513 TE917512:TE917513 ADA917512:ADA917513 AMW917512:AMW917513 AWS917512:AWS917513 BGO917512:BGO917513 BQK917512:BQK917513 CAG917512:CAG917513 CKC917512:CKC917513 CTY917512:CTY917513 DDU917512:DDU917513 DNQ917512:DNQ917513 DXM917512:DXM917513 EHI917512:EHI917513 ERE917512:ERE917513 FBA917512:FBA917513 FKW917512:FKW917513 FUS917512:FUS917513 GEO917512:GEO917513 GOK917512:GOK917513 GYG917512:GYG917513 HIC917512:HIC917513 HRY917512:HRY917513 IBU917512:IBU917513 ILQ917512:ILQ917513 IVM917512:IVM917513 JFI917512:JFI917513 JPE917512:JPE917513 JZA917512:JZA917513 KIW917512:KIW917513 KSS917512:KSS917513 LCO917512:LCO917513 LMK917512:LMK917513 LWG917512:LWG917513 MGC917512:MGC917513 MPY917512:MPY917513 MZU917512:MZU917513 NJQ917512:NJQ917513 NTM917512:NTM917513 ODI917512:ODI917513 ONE917512:ONE917513 OXA917512:OXA917513 PGW917512:PGW917513 PQS917512:PQS917513 QAO917512:QAO917513 QKK917512:QKK917513 QUG917512:QUG917513 REC917512:REC917513 RNY917512:RNY917513 RXU917512:RXU917513 SHQ917512:SHQ917513 SRM917512:SRM917513 TBI917512:TBI917513 TLE917512:TLE917513 TVA917512:TVA917513 UEW917512:UEW917513 UOS917512:UOS917513 UYO917512:UYO917513 VIK917512:VIK917513 VSG917512:VSG917513 WCC917512:WCC917513 WLY917512:WLY917513 WVU917512:WVU917513 M983048:M983049 JI983048:JI983049 TE983048:TE983049 ADA983048:ADA983049 AMW983048:AMW983049 AWS983048:AWS983049 BGO983048:BGO983049 BQK983048:BQK983049 CAG983048:CAG983049 CKC983048:CKC983049 CTY983048:CTY983049 DDU983048:DDU983049 DNQ983048:DNQ983049 DXM983048:DXM983049 EHI983048:EHI983049 ERE983048:ERE983049 FBA983048:FBA983049 FKW983048:FKW983049 FUS983048:FUS983049 GEO983048:GEO983049 GOK983048:GOK983049 GYG983048:GYG983049 HIC983048:HIC983049 HRY983048:HRY983049 IBU983048:IBU983049 ILQ983048:ILQ983049 IVM983048:IVM983049 JFI983048:JFI983049 JPE983048:JPE983049 JZA983048:JZA983049 KIW983048:KIW983049 KSS983048:KSS983049 LCO983048:LCO983049 LMK983048:LMK983049 LWG983048:LWG983049 MGC983048:MGC983049 MPY983048:MPY983049 MZU983048:MZU983049 NJQ983048:NJQ983049 NTM983048:NTM983049 ODI983048:ODI983049 ONE983048:ONE983049 OXA983048:OXA983049 PGW983048:PGW983049 PQS983048:PQS983049 QAO983048:QAO983049 QKK983048:QKK983049 QUG983048:QUG983049 REC983048:REC983049 RNY983048:RNY983049 RXU983048:RXU983049 SHQ983048:SHQ983049 SRM983048:SRM983049 TBI983048:TBI983049 TLE983048:TLE983049 TVA983048:TVA983049 UEW983048:UEW983049 UOS983048:UOS983049 UYO983048:UYO983049 VIK983048:VIK983049 VSG983048:VSG983049 WCC983048:WCC983049 WLY983048:WLY983049 WVU983048:WVU983049 Q8:Q9 JM8:JM9 TI8:TI9 ADE8:ADE9 ANA8:ANA9 AWW8:AWW9 BGS8:BGS9 BQO8:BQO9 CAK8:CAK9 CKG8:CKG9 CUC8:CUC9 DDY8:DDY9 DNU8:DNU9 DXQ8:DXQ9 EHM8:EHM9 ERI8:ERI9 FBE8:FBE9 FLA8:FLA9 FUW8:FUW9 GES8:GES9 GOO8:GOO9 GYK8:GYK9 HIG8:HIG9 HSC8:HSC9 IBY8:IBY9 ILU8:ILU9 IVQ8:IVQ9 JFM8:JFM9 JPI8:JPI9 JZE8:JZE9 KJA8:KJA9 KSW8:KSW9 LCS8:LCS9 LMO8:LMO9 LWK8:LWK9 MGG8:MGG9 MQC8:MQC9 MZY8:MZY9 NJU8:NJU9 NTQ8:NTQ9 ODM8:ODM9 ONI8:ONI9 OXE8:OXE9 PHA8:PHA9 PQW8:PQW9 QAS8:QAS9 QKO8:QKO9 QUK8:QUK9 REG8:REG9 ROC8:ROC9 RXY8:RXY9 SHU8:SHU9 SRQ8:SRQ9 TBM8:TBM9 TLI8:TLI9 TVE8:TVE9 UFA8:UFA9 UOW8:UOW9 UYS8:UYS9 VIO8:VIO9 VSK8:VSK9 WCG8:WCG9 WMC8:WMC9 WVY8:WVY9 Q65544:Q65545 JM65544:JM65545 TI65544:TI65545 ADE65544:ADE65545 ANA65544:ANA65545 AWW65544:AWW65545 BGS65544:BGS65545 BQO65544:BQO65545 CAK65544:CAK65545 CKG65544:CKG65545 CUC65544:CUC65545 DDY65544:DDY65545 DNU65544:DNU65545 DXQ65544:DXQ65545 EHM65544:EHM65545 ERI65544:ERI65545 FBE65544:FBE65545 FLA65544:FLA65545 FUW65544:FUW65545 GES65544:GES65545 GOO65544:GOO65545 GYK65544:GYK65545 HIG65544:HIG65545 HSC65544:HSC65545 IBY65544:IBY65545 ILU65544:ILU65545 IVQ65544:IVQ65545 JFM65544:JFM65545 JPI65544:JPI65545 JZE65544:JZE65545 KJA65544:KJA65545 KSW65544:KSW65545 LCS65544:LCS65545 LMO65544:LMO65545 LWK65544:LWK65545 MGG65544:MGG65545 MQC65544:MQC65545 MZY65544:MZY65545 NJU65544:NJU65545 NTQ65544:NTQ65545 ODM65544:ODM65545 ONI65544:ONI65545 OXE65544:OXE65545 PHA65544:PHA65545 PQW65544:PQW65545 QAS65544:QAS65545 QKO65544:QKO65545 QUK65544:QUK65545 REG65544:REG65545 ROC65544:ROC65545 RXY65544:RXY65545 SHU65544:SHU65545 SRQ65544:SRQ65545 TBM65544:TBM65545 TLI65544:TLI65545 TVE65544:TVE65545 UFA65544:UFA65545 UOW65544:UOW65545 UYS65544:UYS65545 VIO65544:VIO65545 VSK65544:VSK65545 WCG65544:WCG65545 WMC65544:WMC65545 WVY65544:WVY65545 Q131080:Q131081 JM131080:JM131081 TI131080:TI131081 ADE131080:ADE131081 ANA131080:ANA131081 AWW131080:AWW131081 BGS131080:BGS131081 BQO131080:BQO131081 CAK131080:CAK131081 CKG131080:CKG131081 CUC131080:CUC131081 DDY131080:DDY131081 DNU131080:DNU131081 DXQ131080:DXQ131081 EHM131080:EHM131081 ERI131080:ERI131081 FBE131080:FBE131081 FLA131080:FLA131081 FUW131080:FUW131081 GES131080:GES131081 GOO131080:GOO131081 GYK131080:GYK131081 HIG131080:HIG131081 HSC131080:HSC131081 IBY131080:IBY131081 ILU131080:ILU131081 IVQ131080:IVQ131081 JFM131080:JFM131081 JPI131080:JPI131081 JZE131080:JZE131081 KJA131080:KJA131081 KSW131080:KSW131081 LCS131080:LCS131081 LMO131080:LMO131081 LWK131080:LWK131081 MGG131080:MGG131081 MQC131080:MQC131081 MZY131080:MZY131081 NJU131080:NJU131081 NTQ131080:NTQ131081 ODM131080:ODM131081 ONI131080:ONI131081 OXE131080:OXE131081 PHA131080:PHA131081 PQW131080:PQW131081 QAS131080:QAS131081 QKO131080:QKO131081 QUK131080:QUK131081 REG131080:REG131081 ROC131080:ROC131081 RXY131080:RXY131081 SHU131080:SHU131081 SRQ131080:SRQ131081 TBM131080:TBM131081 TLI131080:TLI131081 TVE131080:TVE131081 UFA131080:UFA131081 UOW131080:UOW131081 UYS131080:UYS131081 VIO131080:VIO131081 VSK131080:VSK131081 WCG131080:WCG131081 WMC131080:WMC131081 WVY131080:WVY131081 Q196616:Q196617 JM196616:JM196617 TI196616:TI196617 ADE196616:ADE196617 ANA196616:ANA196617 AWW196616:AWW196617 BGS196616:BGS196617 BQO196616:BQO196617 CAK196616:CAK196617 CKG196616:CKG196617 CUC196616:CUC196617 DDY196616:DDY196617 DNU196616:DNU196617 DXQ196616:DXQ196617 EHM196616:EHM196617 ERI196616:ERI196617 FBE196616:FBE196617 FLA196616:FLA196617 FUW196616:FUW196617 GES196616:GES196617 GOO196616:GOO196617 GYK196616:GYK196617 HIG196616:HIG196617 HSC196616:HSC196617 IBY196616:IBY196617 ILU196616:ILU196617 IVQ196616:IVQ196617 JFM196616:JFM196617 JPI196616:JPI196617 JZE196616:JZE196617 KJA196616:KJA196617 KSW196616:KSW196617 LCS196616:LCS196617 LMO196616:LMO196617 LWK196616:LWK196617 MGG196616:MGG196617 MQC196616:MQC196617 MZY196616:MZY196617 NJU196616:NJU196617 NTQ196616:NTQ196617 ODM196616:ODM196617 ONI196616:ONI196617 OXE196616:OXE196617 PHA196616:PHA196617 PQW196616:PQW196617 QAS196616:QAS196617 QKO196616:QKO196617 QUK196616:QUK196617 REG196616:REG196617 ROC196616:ROC196617 RXY196616:RXY196617 SHU196616:SHU196617 SRQ196616:SRQ196617 TBM196616:TBM196617 TLI196616:TLI196617 TVE196616:TVE196617 UFA196616:UFA196617 UOW196616:UOW196617 UYS196616:UYS196617 VIO196616:VIO196617 VSK196616:VSK196617 WCG196616:WCG196617 WMC196616:WMC196617 WVY196616:WVY196617 Q262152:Q262153 JM262152:JM262153 TI262152:TI262153 ADE262152:ADE262153 ANA262152:ANA262153 AWW262152:AWW262153 BGS262152:BGS262153 BQO262152:BQO262153 CAK262152:CAK262153 CKG262152:CKG262153 CUC262152:CUC262153 DDY262152:DDY262153 DNU262152:DNU262153 DXQ262152:DXQ262153 EHM262152:EHM262153 ERI262152:ERI262153 FBE262152:FBE262153 FLA262152:FLA262153 FUW262152:FUW262153 GES262152:GES262153 GOO262152:GOO262153 GYK262152:GYK262153 HIG262152:HIG262153 HSC262152:HSC262153 IBY262152:IBY262153 ILU262152:ILU262153 IVQ262152:IVQ262153 JFM262152:JFM262153 JPI262152:JPI262153 JZE262152:JZE262153 KJA262152:KJA262153 KSW262152:KSW262153 LCS262152:LCS262153 LMO262152:LMO262153 LWK262152:LWK262153 MGG262152:MGG262153 MQC262152:MQC262153 MZY262152:MZY262153 NJU262152:NJU262153 NTQ262152:NTQ262153 ODM262152:ODM262153 ONI262152:ONI262153 OXE262152:OXE262153 PHA262152:PHA262153 PQW262152:PQW262153 QAS262152:QAS262153 QKO262152:QKO262153 QUK262152:QUK262153 REG262152:REG262153 ROC262152:ROC262153 RXY262152:RXY262153 SHU262152:SHU262153 SRQ262152:SRQ262153 TBM262152:TBM262153 TLI262152:TLI262153 TVE262152:TVE262153 UFA262152:UFA262153 UOW262152:UOW262153 UYS262152:UYS262153 VIO262152:VIO262153 VSK262152:VSK262153 WCG262152:WCG262153 WMC262152:WMC262153 WVY262152:WVY262153 Q327688:Q327689 JM327688:JM327689 TI327688:TI327689 ADE327688:ADE327689 ANA327688:ANA327689 AWW327688:AWW327689 BGS327688:BGS327689 BQO327688:BQO327689 CAK327688:CAK327689 CKG327688:CKG327689 CUC327688:CUC327689 DDY327688:DDY327689 DNU327688:DNU327689 DXQ327688:DXQ327689 EHM327688:EHM327689 ERI327688:ERI327689 FBE327688:FBE327689 FLA327688:FLA327689 FUW327688:FUW327689 GES327688:GES327689 GOO327688:GOO327689 GYK327688:GYK327689 HIG327688:HIG327689 HSC327688:HSC327689 IBY327688:IBY327689 ILU327688:ILU327689 IVQ327688:IVQ327689 JFM327688:JFM327689 JPI327688:JPI327689 JZE327688:JZE327689 KJA327688:KJA327689 KSW327688:KSW327689 LCS327688:LCS327689 LMO327688:LMO327689 LWK327688:LWK327689 MGG327688:MGG327689 MQC327688:MQC327689 MZY327688:MZY327689 NJU327688:NJU327689 NTQ327688:NTQ327689 ODM327688:ODM327689 ONI327688:ONI327689 OXE327688:OXE327689 PHA327688:PHA327689 PQW327688:PQW327689 QAS327688:QAS327689 QKO327688:QKO327689 QUK327688:QUK327689 REG327688:REG327689 ROC327688:ROC327689 RXY327688:RXY327689 SHU327688:SHU327689 SRQ327688:SRQ327689 TBM327688:TBM327689 TLI327688:TLI327689 TVE327688:TVE327689 UFA327688:UFA327689 UOW327688:UOW327689 UYS327688:UYS327689 VIO327688:VIO327689 VSK327688:VSK327689 WCG327688:WCG327689 WMC327688:WMC327689 WVY327688:WVY327689 Q393224:Q393225 JM393224:JM393225 TI393224:TI393225 ADE393224:ADE393225 ANA393224:ANA393225 AWW393224:AWW393225 BGS393224:BGS393225 BQO393224:BQO393225 CAK393224:CAK393225 CKG393224:CKG393225 CUC393224:CUC393225 DDY393224:DDY393225 DNU393224:DNU393225 DXQ393224:DXQ393225 EHM393224:EHM393225 ERI393224:ERI393225 FBE393224:FBE393225 FLA393224:FLA393225 FUW393224:FUW393225 GES393224:GES393225 GOO393224:GOO393225 GYK393224:GYK393225 HIG393224:HIG393225 HSC393224:HSC393225 IBY393224:IBY393225 ILU393224:ILU393225 IVQ393224:IVQ393225 JFM393224:JFM393225 JPI393224:JPI393225 JZE393224:JZE393225 KJA393224:KJA393225 KSW393224:KSW393225 LCS393224:LCS393225 LMO393224:LMO393225 LWK393224:LWK393225 MGG393224:MGG393225 MQC393224:MQC393225 MZY393224:MZY393225 NJU393224:NJU393225 NTQ393224:NTQ393225 ODM393224:ODM393225 ONI393224:ONI393225 OXE393224:OXE393225 PHA393224:PHA393225 PQW393224:PQW393225 QAS393224:QAS393225 QKO393224:QKO393225 QUK393224:QUK393225 REG393224:REG393225 ROC393224:ROC393225 RXY393224:RXY393225 SHU393224:SHU393225 SRQ393224:SRQ393225 TBM393224:TBM393225 TLI393224:TLI393225 TVE393224:TVE393225 UFA393224:UFA393225 UOW393224:UOW393225 UYS393224:UYS393225 VIO393224:VIO393225 VSK393224:VSK393225 WCG393224:WCG393225 WMC393224:WMC393225 WVY393224:WVY393225 Q458760:Q458761 JM458760:JM458761 TI458760:TI458761 ADE458760:ADE458761 ANA458760:ANA458761 AWW458760:AWW458761 BGS458760:BGS458761 BQO458760:BQO458761 CAK458760:CAK458761 CKG458760:CKG458761 CUC458760:CUC458761 DDY458760:DDY458761 DNU458760:DNU458761 DXQ458760:DXQ458761 EHM458760:EHM458761 ERI458760:ERI458761 FBE458760:FBE458761 FLA458760:FLA458761 FUW458760:FUW458761 GES458760:GES458761 GOO458760:GOO458761 GYK458760:GYK458761 HIG458760:HIG458761 HSC458760:HSC458761 IBY458760:IBY458761 ILU458760:ILU458761 IVQ458760:IVQ458761 JFM458760:JFM458761 JPI458760:JPI458761 JZE458760:JZE458761 KJA458760:KJA458761 KSW458760:KSW458761 LCS458760:LCS458761 LMO458760:LMO458761 LWK458760:LWK458761 MGG458760:MGG458761 MQC458760:MQC458761 MZY458760:MZY458761 NJU458760:NJU458761 NTQ458760:NTQ458761 ODM458760:ODM458761 ONI458760:ONI458761 OXE458760:OXE458761 PHA458760:PHA458761 PQW458760:PQW458761 QAS458760:QAS458761 QKO458760:QKO458761 QUK458760:QUK458761 REG458760:REG458761 ROC458760:ROC458761 RXY458760:RXY458761 SHU458760:SHU458761 SRQ458760:SRQ458761 TBM458760:TBM458761 TLI458760:TLI458761 TVE458760:TVE458761 UFA458760:UFA458761 UOW458760:UOW458761 UYS458760:UYS458761 VIO458760:VIO458761 VSK458760:VSK458761 WCG458760:WCG458761 WMC458760:WMC458761 WVY458760:WVY458761 Q524296:Q524297 JM524296:JM524297 TI524296:TI524297 ADE524296:ADE524297 ANA524296:ANA524297 AWW524296:AWW524297 BGS524296:BGS524297 BQO524296:BQO524297 CAK524296:CAK524297 CKG524296:CKG524297 CUC524296:CUC524297 DDY524296:DDY524297 DNU524296:DNU524297 DXQ524296:DXQ524297 EHM524296:EHM524297 ERI524296:ERI524297 FBE524296:FBE524297 FLA524296:FLA524297 FUW524296:FUW524297 GES524296:GES524297 GOO524296:GOO524297 GYK524296:GYK524297 HIG524296:HIG524297 HSC524296:HSC524297 IBY524296:IBY524297 ILU524296:ILU524297 IVQ524296:IVQ524297 JFM524296:JFM524297 JPI524296:JPI524297 JZE524296:JZE524297 KJA524296:KJA524297 KSW524296:KSW524297 LCS524296:LCS524297 LMO524296:LMO524297 LWK524296:LWK524297 MGG524296:MGG524297 MQC524296:MQC524297 MZY524296:MZY524297 NJU524296:NJU524297 NTQ524296:NTQ524297 ODM524296:ODM524297 ONI524296:ONI524297 OXE524296:OXE524297 PHA524296:PHA524297 PQW524296:PQW524297 QAS524296:QAS524297 QKO524296:QKO524297 QUK524296:QUK524297 REG524296:REG524297 ROC524296:ROC524297 RXY524296:RXY524297 SHU524296:SHU524297 SRQ524296:SRQ524297 TBM524296:TBM524297 TLI524296:TLI524297 TVE524296:TVE524297 UFA524296:UFA524297 UOW524296:UOW524297 UYS524296:UYS524297 VIO524296:VIO524297 VSK524296:VSK524297 WCG524296:WCG524297 WMC524296:WMC524297 WVY524296:WVY524297 Q589832:Q589833 JM589832:JM589833 TI589832:TI589833 ADE589832:ADE589833 ANA589832:ANA589833 AWW589832:AWW589833 BGS589832:BGS589833 BQO589832:BQO589833 CAK589832:CAK589833 CKG589832:CKG589833 CUC589832:CUC589833 DDY589832:DDY589833 DNU589832:DNU589833 DXQ589832:DXQ589833 EHM589832:EHM589833 ERI589832:ERI589833 FBE589832:FBE589833 FLA589832:FLA589833 FUW589832:FUW589833 GES589832:GES589833 GOO589832:GOO589833 GYK589832:GYK589833 HIG589832:HIG589833 HSC589832:HSC589833 IBY589832:IBY589833 ILU589832:ILU589833 IVQ589832:IVQ589833 JFM589832:JFM589833 JPI589832:JPI589833 JZE589832:JZE589833 KJA589832:KJA589833 KSW589832:KSW589833 LCS589832:LCS589833 LMO589832:LMO589833 LWK589832:LWK589833 MGG589832:MGG589833 MQC589832:MQC589833 MZY589832:MZY589833 NJU589832:NJU589833 NTQ589832:NTQ589833 ODM589832:ODM589833 ONI589832:ONI589833 OXE589832:OXE589833 PHA589832:PHA589833 PQW589832:PQW589833 QAS589832:QAS589833 QKO589832:QKO589833 QUK589832:QUK589833 REG589832:REG589833 ROC589832:ROC589833 RXY589832:RXY589833 SHU589832:SHU589833 SRQ589832:SRQ589833 TBM589832:TBM589833 TLI589832:TLI589833 TVE589832:TVE589833 UFA589832:UFA589833 UOW589832:UOW589833 UYS589832:UYS589833 VIO589832:VIO589833 VSK589832:VSK589833 WCG589832:WCG589833 WMC589832:WMC589833 WVY589832:WVY589833 Q655368:Q655369 JM655368:JM655369 TI655368:TI655369 ADE655368:ADE655369 ANA655368:ANA655369 AWW655368:AWW655369 BGS655368:BGS655369 BQO655368:BQO655369 CAK655368:CAK655369 CKG655368:CKG655369 CUC655368:CUC655369 DDY655368:DDY655369 DNU655368:DNU655369 DXQ655368:DXQ655369 EHM655368:EHM655369 ERI655368:ERI655369 FBE655368:FBE655369 FLA655368:FLA655369 FUW655368:FUW655369 GES655368:GES655369 GOO655368:GOO655369 GYK655368:GYK655369 HIG655368:HIG655369 HSC655368:HSC655369 IBY655368:IBY655369 ILU655368:ILU655369 IVQ655368:IVQ655369 JFM655368:JFM655369 JPI655368:JPI655369 JZE655368:JZE655369 KJA655368:KJA655369 KSW655368:KSW655369 LCS655368:LCS655369 LMO655368:LMO655369 LWK655368:LWK655369 MGG655368:MGG655369 MQC655368:MQC655369 MZY655368:MZY655369 NJU655368:NJU655369 NTQ655368:NTQ655369 ODM655368:ODM655369 ONI655368:ONI655369 OXE655368:OXE655369 PHA655368:PHA655369 PQW655368:PQW655369 QAS655368:QAS655369 QKO655368:QKO655369 QUK655368:QUK655369 REG655368:REG655369 ROC655368:ROC655369 RXY655368:RXY655369 SHU655368:SHU655369 SRQ655368:SRQ655369 TBM655368:TBM655369 TLI655368:TLI655369 TVE655368:TVE655369 UFA655368:UFA655369 UOW655368:UOW655369 UYS655368:UYS655369 VIO655368:VIO655369 VSK655368:VSK655369 WCG655368:WCG655369 WMC655368:WMC655369 WVY655368:WVY655369 Q720904:Q720905 JM720904:JM720905 TI720904:TI720905 ADE720904:ADE720905 ANA720904:ANA720905 AWW720904:AWW720905 BGS720904:BGS720905 BQO720904:BQO720905 CAK720904:CAK720905 CKG720904:CKG720905 CUC720904:CUC720905 DDY720904:DDY720905 DNU720904:DNU720905 DXQ720904:DXQ720905 EHM720904:EHM720905 ERI720904:ERI720905 FBE720904:FBE720905 FLA720904:FLA720905 FUW720904:FUW720905 GES720904:GES720905 GOO720904:GOO720905 GYK720904:GYK720905 HIG720904:HIG720905 HSC720904:HSC720905 IBY720904:IBY720905 ILU720904:ILU720905 IVQ720904:IVQ720905 JFM720904:JFM720905 JPI720904:JPI720905 JZE720904:JZE720905 KJA720904:KJA720905 KSW720904:KSW720905 LCS720904:LCS720905 LMO720904:LMO720905 LWK720904:LWK720905 MGG720904:MGG720905 MQC720904:MQC720905 MZY720904:MZY720905 NJU720904:NJU720905 NTQ720904:NTQ720905 ODM720904:ODM720905 ONI720904:ONI720905 OXE720904:OXE720905 PHA720904:PHA720905 PQW720904:PQW720905 QAS720904:QAS720905 QKO720904:QKO720905 QUK720904:QUK720905 REG720904:REG720905 ROC720904:ROC720905 RXY720904:RXY720905 SHU720904:SHU720905 SRQ720904:SRQ720905 TBM720904:TBM720905 TLI720904:TLI720905 TVE720904:TVE720905 UFA720904:UFA720905 UOW720904:UOW720905 UYS720904:UYS720905 VIO720904:VIO720905 VSK720904:VSK720905 WCG720904:WCG720905 WMC720904:WMC720905 WVY720904:WVY720905 Q786440:Q786441 JM786440:JM786441 TI786440:TI786441 ADE786440:ADE786441 ANA786440:ANA786441 AWW786440:AWW786441 BGS786440:BGS786441 BQO786440:BQO786441 CAK786440:CAK786441 CKG786440:CKG786441 CUC786440:CUC786441 DDY786440:DDY786441 DNU786440:DNU786441 DXQ786440:DXQ786441 EHM786440:EHM786441 ERI786440:ERI786441 FBE786440:FBE786441 FLA786440:FLA786441 FUW786440:FUW786441 GES786440:GES786441 GOO786440:GOO786441 GYK786440:GYK786441 HIG786440:HIG786441 HSC786440:HSC786441 IBY786440:IBY786441 ILU786440:ILU786441 IVQ786440:IVQ786441 JFM786440:JFM786441 JPI786440:JPI786441 JZE786440:JZE786441 KJA786440:KJA786441 KSW786440:KSW786441 LCS786440:LCS786441 LMO786440:LMO786441 LWK786440:LWK786441 MGG786440:MGG786441 MQC786440:MQC786441 MZY786440:MZY786441 NJU786440:NJU786441 NTQ786440:NTQ786441 ODM786440:ODM786441 ONI786440:ONI786441 OXE786440:OXE786441 PHA786440:PHA786441 PQW786440:PQW786441 QAS786440:QAS786441 QKO786440:QKO786441 QUK786440:QUK786441 REG786440:REG786441 ROC786440:ROC786441 RXY786440:RXY786441 SHU786440:SHU786441 SRQ786440:SRQ786441 TBM786440:TBM786441 TLI786440:TLI786441 TVE786440:TVE786441 UFA786440:UFA786441 UOW786440:UOW786441 UYS786440:UYS786441 VIO786440:VIO786441 VSK786440:VSK786441 WCG786440:WCG786441 WMC786440:WMC786441 WVY786440:WVY786441 Q851976:Q851977 JM851976:JM851977 TI851976:TI851977 ADE851976:ADE851977 ANA851976:ANA851977 AWW851976:AWW851977 BGS851976:BGS851977 BQO851976:BQO851977 CAK851976:CAK851977 CKG851976:CKG851977 CUC851976:CUC851977 DDY851976:DDY851977 DNU851976:DNU851977 DXQ851976:DXQ851977 EHM851976:EHM851977 ERI851976:ERI851977 FBE851976:FBE851977 FLA851976:FLA851977 FUW851976:FUW851977 GES851976:GES851977 GOO851976:GOO851977 GYK851976:GYK851977 HIG851976:HIG851977 HSC851976:HSC851977 IBY851976:IBY851977 ILU851976:ILU851977 IVQ851976:IVQ851977 JFM851976:JFM851977 JPI851976:JPI851977 JZE851976:JZE851977 KJA851976:KJA851977 KSW851976:KSW851977 LCS851976:LCS851977 LMO851976:LMO851977 LWK851976:LWK851977 MGG851976:MGG851977 MQC851976:MQC851977 MZY851976:MZY851977 NJU851976:NJU851977 NTQ851976:NTQ851977 ODM851976:ODM851977 ONI851976:ONI851977 OXE851976:OXE851977 PHA851976:PHA851977 PQW851976:PQW851977 QAS851976:QAS851977 QKO851976:QKO851977 QUK851976:QUK851977 REG851976:REG851977 ROC851976:ROC851977 RXY851976:RXY851977 SHU851976:SHU851977 SRQ851976:SRQ851977 TBM851976:TBM851977 TLI851976:TLI851977 TVE851976:TVE851977 UFA851976:UFA851977 UOW851976:UOW851977 UYS851976:UYS851977 VIO851976:VIO851977 VSK851976:VSK851977 WCG851976:WCG851977 WMC851976:WMC851977 WVY851976:WVY851977 Q917512:Q917513 JM917512:JM917513 TI917512:TI917513 ADE917512:ADE917513 ANA917512:ANA917513 AWW917512:AWW917513 BGS917512:BGS917513 BQO917512:BQO917513 CAK917512:CAK917513 CKG917512:CKG917513 CUC917512:CUC917513 DDY917512:DDY917513 DNU917512:DNU917513 DXQ917512:DXQ917513 EHM917512:EHM917513 ERI917512:ERI917513 FBE917512:FBE917513 FLA917512:FLA917513 FUW917512:FUW917513 GES917512:GES917513 GOO917512:GOO917513 GYK917512:GYK917513 HIG917512:HIG917513 HSC917512:HSC917513 IBY917512:IBY917513 ILU917512:ILU917513 IVQ917512:IVQ917513 JFM917512:JFM917513 JPI917512:JPI917513 JZE917512:JZE917513 KJA917512:KJA917513 KSW917512:KSW917513 LCS917512:LCS917513 LMO917512:LMO917513 LWK917512:LWK917513 MGG917512:MGG917513 MQC917512:MQC917513 MZY917512:MZY917513 NJU917512:NJU917513 NTQ917512:NTQ917513 ODM917512:ODM917513 ONI917512:ONI917513 OXE917512:OXE917513 PHA917512:PHA917513 PQW917512:PQW917513 QAS917512:QAS917513 QKO917512:QKO917513 QUK917512:QUK917513 REG917512:REG917513 ROC917512:ROC917513 RXY917512:RXY917513 SHU917512:SHU917513 SRQ917512:SRQ917513 TBM917512:TBM917513 TLI917512:TLI917513 TVE917512:TVE917513 UFA917512:UFA917513 UOW917512:UOW917513 UYS917512:UYS917513 VIO917512:VIO917513 VSK917512:VSK917513 WCG917512:WCG917513 WMC917512:WMC917513 WVY917512:WVY917513 Q983048:Q983049 JM983048:JM983049 TI983048:TI983049 ADE983048:ADE983049 ANA983048:ANA983049 AWW983048:AWW983049 BGS983048:BGS983049 BQO983048:BQO983049 CAK983048:CAK983049 CKG983048:CKG983049 CUC983048:CUC983049 DDY983048:DDY983049 DNU983048:DNU983049 DXQ983048:DXQ983049 EHM983048:EHM983049 ERI983048:ERI983049 FBE983048:FBE983049 FLA983048:FLA983049 FUW983048:FUW983049 GES983048:GES983049 GOO983048:GOO983049 GYK983048:GYK983049 HIG983048:HIG983049 HSC983048:HSC983049 IBY983048:IBY983049 ILU983048:ILU983049 IVQ983048:IVQ983049 JFM983048:JFM983049 JPI983048:JPI983049 JZE983048:JZE983049 KJA983048:KJA983049 KSW983048:KSW983049 LCS983048:LCS983049 LMO983048:LMO983049 LWK983048:LWK983049 MGG983048:MGG983049 MQC983048:MQC983049 MZY983048:MZY983049 NJU983048:NJU983049 NTQ983048:NTQ983049 ODM983048:ODM983049 ONI983048:ONI983049 OXE983048:OXE983049 PHA983048:PHA983049 PQW983048:PQW983049 QAS983048:QAS983049 QKO983048:QKO983049 QUK983048:QUK983049 REG983048:REG983049 ROC983048:ROC983049 RXY983048:RXY983049 SHU983048:SHU983049 SRQ983048:SRQ983049 TBM983048:TBM983049 TLI983048:TLI983049 TVE983048:TVE983049 UFA983048:UFA983049 UOW983048:UOW983049 UYS983048:UYS983049 VIO983048:VIO983049 VSK983048:VSK983049 WCG983048:WCG983049 WMC983048:WMC983049 WVY983048:WVY983049 U8:U9 JQ8:JQ9 TM8:TM9 ADI8:ADI9 ANE8:ANE9 AXA8:AXA9 BGW8:BGW9 BQS8:BQS9 CAO8:CAO9 CKK8:CKK9 CUG8:CUG9 DEC8:DEC9 DNY8:DNY9 DXU8:DXU9 EHQ8:EHQ9 ERM8:ERM9 FBI8:FBI9 FLE8:FLE9 FVA8:FVA9 GEW8:GEW9 GOS8:GOS9 GYO8:GYO9 HIK8:HIK9 HSG8:HSG9 ICC8:ICC9 ILY8:ILY9 IVU8:IVU9 JFQ8:JFQ9 JPM8:JPM9 JZI8:JZI9 KJE8:KJE9 KTA8:KTA9 LCW8:LCW9 LMS8:LMS9 LWO8:LWO9 MGK8:MGK9 MQG8:MQG9 NAC8:NAC9 NJY8:NJY9 NTU8:NTU9 ODQ8:ODQ9 ONM8:ONM9 OXI8:OXI9 PHE8:PHE9 PRA8:PRA9 QAW8:QAW9 QKS8:QKS9 QUO8:QUO9 REK8:REK9 ROG8:ROG9 RYC8:RYC9 SHY8:SHY9 SRU8:SRU9 TBQ8:TBQ9 TLM8:TLM9 TVI8:TVI9 UFE8:UFE9 UPA8:UPA9 UYW8:UYW9 VIS8:VIS9 VSO8:VSO9 WCK8:WCK9 WMG8:WMG9 WWC8:WWC9 U65544:U65545 JQ65544:JQ65545 TM65544:TM65545 ADI65544:ADI65545 ANE65544:ANE65545 AXA65544:AXA65545 BGW65544:BGW65545 BQS65544:BQS65545 CAO65544:CAO65545 CKK65544:CKK65545 CUG65544:CUG65545 DEC65544:DEC65545 DNY65544:DNY65545 DXU65544:DXU65545 EHQ65544:EHQ65545 ERM65544:ERM65545 FBI65544:FBI65545 FLE65544:FLE65545 FVA65544:FVA65545 GEW65544:GEW65545 GOS65544:GOS65545 GYO65544:GYO65545 HIK65544:HIK65545 HSG65544:HSG65545 ICC65544:ICC65545 ILY65544:ILY65545 IVU65544:IVU65545 JFQ65544:JFQ65545 JPM65544:JPM65545 JZI65544:JZI65545 KJE65544:KJE65545 KTA65544:KTA65545 LCW65544:LCW65545 LMS65544:LMS65545 LWO65544:LWO65545 MGK65544:MGK65545 MQG65544:MQG65545 NAC65544:NAC65545 NJY65544:NJY65545 NTU65544:NTU65545 ODQ65544:ODQ65545 ONM65544:ONM65545 OXI65544:OXI65545 PHE65544:PHE65545 PRA65544:PRA65545 QAW65544:QAW65545 QKS65544:QKS65545 QUO65544:QUO65545 REK65544:REK65545 ROG65544:ROG65545 RYC65544:RYC65545 SHY65544:SHY65545 SRU65544:SRU65545 TBQ65544:TBQ65545 TLM65544:TLM65545 TVI65544:TVI65545 UFE65544:UFE65545 UPA65544:UPA65545 UYW65544:UYW65545 VIS65544:VIS65545 VSO65544:VSO65545 WCK65544:WCK65545 WMG65544:WMG65545 WWC65544:WWC65545 U131080:U131081 JQ131080:JQ131081 TM131080:TM131081 ADI131080:ADI131081 ANE131080:ANE131081 AXA131080:AXA131081 BGW131080:BGW131081 BQS131080:BQS131081 CAO131080:CAO131081 CKK131080:CKK131081 CUG131080:CUG131081 DEC131080:DEC131081 DNY131080:DNY131081 DXU131080:DXU131081 EHQ131080:EHQ131081 ERM131080:ERM131081 FBI131080:FBI131081 FLE131080:FLE131081 FVA131080:FVA131081 GEW131080:GEW131081 GOS131080:GOS131081 GYO131080:GYO131081 HIK131080:HIK131081 HSG131080:HSG131081 ICC131080:ICC131081 ILY131080:ILY131081 IVU131080:IVU131081 JFQ131080:JFQ131081 JPM131080:JPM131081 JZI131080:JZI131081 KJE131080:KJE131081 KTA131080:KTA131081 LCW131080:LCW131081 LMS131080:LMS131081 LWO131080:LWO131081 MGK131080:MGK131081 MQG131080:MQG131081 NAC131080:NAC131081 NJY131080:NJY131081 NTU131080:NTU131081 ODQ131080:ODQ131081 ONM131080:ONM131081 OXI131080:OXI131081 PHE131080:PHE131081 PRA131080:PRA131081 QAW131080:QAW131081 QKS131080:QKS131081 QUO131080:QUO131081 REK131080:REK131081 ROG131080:ROG131081 RYC131080:RYC131081 SHY131080:SHY131081 SRU131080:SRU131081 TBQ131080:TBQ131081 TLM131080:TLM131081 TVI131080:TVI131081 UFE131080:UFE131081 UPA131080:UPA131081 UYW131080:UYW131081 VIS131080:VIS131081 VSO131080:VSO131081 WCK131080:WCK131081 WMG131080:WMG131081 WWC131080:WWC131081 U196616:U196617 JQ196616:JQ196617 TM196616:TM196617 ADI196616:ADI196617 ANE196616:ANE196617 AXA196616:AXA196617 BGW196616:BGW196617 BQS196616:BQS196617 CAO196616:CAO196617 CKK196616:CKK196617 CUG196616:CUG196617 DEC196616:DEC196617 DNY196616:DNY196617 DXU196616:DXU196617 EHQ196616:EHQ196617 ERM196616:ERM196617 FBI196616:FBI196617 FLE196616:FLE196617 FVA196616:FVA196617 GEW196616:GEW196617 GOS196616:GOS196617 GYO196616:GYO196617 HIK196616:HIK196617 HSG196616:HSG196617 ICC196616:ICC196617 ILY196616:ILY196617 IVU196616:IVU196617 JFQ196616:JFQ196617 JPM196616:JPM196617 JZI196616:JZI196617 KJE196616:KJE196617 KTA196616:KTA196617 LCW196616:LCW196617 LMS196616:LMS196617 LWO196616:LWO196617 MGK196616:MGK196617 MQG196616:MQG196617 NAC196616:NAC196617 NJY196616:NJY196617 NTU196616:NTU196617 ODQ196616:ODQ196617 ONM196616:ONM196617 OXI196616:OXI196617 PHE196616:PHE196617 PRA196616:PRA196617 QAW196616:QAW196617 QKS196616:QKS196617 QUO196616:QUO196617 REK196616:REK196617 ROG196616:ROG196617 RYC196616:RYC196617 SHY196616:SHY196617 SRU196616:SRU196617 TBQ196616:TBQ196617 TLM196616:TLM196617 TVI196616:TVI196617 UFE196616:UFE196617 UPA196616:UPA196617 UYW196616:UYW196617 VIS196616:VIS196617 VSO196616:VSO196617 WCK196616:WCK196617 WMG196616:WMG196617 WWC196616:WWC196617 U262152:U262153 JQ262152:JQ262153 TM262152:TM262153 ADI262152:ADI262153 ANE262152:ANE262153 AXA262152:AXA262153 BGW262152:BGW262153 BQS262152:BQS262153 CAO262152:CAO262153 CKK262152:CKK262153 CUG262152:CUG262153 DEC262152:DEC262153 DNY262152:DNY262153 DXU262152:DXU262153 EHQ262152:EHQ262153 ERM262152:ERM262153 FBI262152:FBI262153 FLE262152:FLE262153 FVA262152:FVA262153 GEW262152:GEW262153 GOS262152:GOS262153 GYO262152:GYO262153 HIK262152:HIK262153 HSG262152:HSG262153 ICC262152:ICC262153 ILY262152:ILY262153 IVU262152:IVU262153 JFQ262152:JFQ262153 JPM262152:JPM262153 JZI262152:JZI262153 KJE262152:KJE262153 KTA262152:KTA262153 LCW262152:LCW262153 LMS262152:LMS262153 LWO262152:LWO262153 MGK262152:MGK262153 MQG262152:MQG262153 NAC262152:NAC262153 NJY262152:NJY262153 NTU262152:NTU262153 ODQ262152:ODQ262153 ONM262152:ONM262153 OXI262152:OXI262153 PHE262152:PHE262153 PRA262152:PRA262153 QAW262152:QAW262153 QKS262152:QKS262153 QUO262152:QUO262153 REK262152:REK262153 ROG262152:ROG262153 RYC262152:RYC262153 SHY262152:SHY262153 SRU262152:SRU262153 TBQ262152:TBQ262153 TLM262152:TLM262153 TVI262152:TVI262153 UFE262152:UFE262153 UPA262152:UPA262153 UYW262152:UYW262153 VIS262152:VIS262153 VSO262152:VSO262153 WCK262152:WCK262153 WMG262152:WMG262153 WWC262152:WWC262153 U327688:U327689 JQ327688:JQ327689 TM327688:TM327689 ADI327688:ADI327689 ANE327688:ANE327689 AXA327688:AXA327689 BGW327688:BGW327689 BQS327688:BQS327689 CAO327688:CAO327689 CKK327688:CKK327689 CUG327688:CUG327689 DEC327688:DEC327689 DNY327688:DNY327689 DXU327688:DXU327689 EHQ327688:EHQ327689 ERM327688:ERM327689 FBI327688:FBI327689 FLE327688:FLE327689 FVA327688:FVA327689 GEW327688:GEW327689 GOS327688:GOS327689 GYO327688:GYO327689 HIK327688:HIK327689 HSG327688:HSG327689 ICC327688:ICC327689 ILY327688:ILY327689 IVU327688:IVU327689 JFQ327688:JFQ327689 JPM327688:JPM327689 JZI327688:JZI327689 KJE327688:KJE327689 KTA327688:KTA327689 LCW327688:LCW327689 LMS327688:LMS327689 LWO327688:LWO327689 MGK327688:MGK327689 MQG327688:MQG327689 NAC327688:NAC327689 NJY327688:NJY327689 NTU327688:NTU327689 ODQ327688:ODQ327689 ONM327688:ONM327689 OXI327688:OXI327689 PHE327688:PHE327689 PRA327688:PRA327689 QAW327688:QAW327689 QKS327688:QKS327689 QUO327688:QUO327689 REK327688:REK327689 ROG327688:ROG327689 RYC327688:RYC327689 SHY327688:SHY327689 SRU327688:SRU327689 TBQ327688:TBQ327689 TLM327688:TLM327689 TVI327688:TVI327689 UFE327688:UFE327689 UPA327688:UPA327689 UYW327688:UYW327689 VIS327688:VIS327689 VSO327688:VSO327689 WCK327688:WCK327689 WMG327688:WMG327689 WWC327688:WWC327689 U393224:U393225 JQ393224:JQ393225 TM393224:TM393225 ADI393224:ADI393225 ANE393224:ANE393225 AXA393224:AXA393225 BGW393224:BGW393225 BQS393224:BQS393225 CAO393224:CAO393225 CKK393224:CKK393225 CUG393224:CUG393225 DEC393224:DEC393225 DNY393224:DNY393225 DXU393224:DXU393225 EHQ393224:EHQ393225 ERM393224:ERM393225 FBI393224:FBI393225 FLE393224:FLE393225 FVA393224:FVA393225 GEW393224:GEW393225 GOS393224:GOS393225 GYO393224:GYO393225 HIK393224:HIK393225 HSG393224:HSG393225 ICC393224:ICC393225 ILY393224:ILY393225 IVU393224:IVU393225 JFQ393224:JFQ393225 JPM393224:JPM393225 JZI393224:JZI393225 KJE393224:KJE393225 KTA393224:KTA393225 LCW393224:LCW393225 LMS393224:LMS393225 LWO393224:LWO393225 MGK393224:MGK393225 MQG393224:MQG393225 NAC393224:NAC393225 NJY393224:NJY393225 NTU393224:NTU393225 ODQ393224:ODQ393225 ONM393224:ONM393225 OXI393224:OXI393225 PHE393224:PHE393225 PRA393224:PRA393225 QAW393224:QAW393225 QKS393224:QKS393225 QUO393224:QUO393225 REK393224:REK393225 ROG393224:ROG393225 RYC393224:RYC393225 SHY393224:SHY393225 SRU393224:SRU393225 TBQ393224:TBQ393225 TLM393224:TLM393225 TVI393224:TVI393225 UFE393224:UFE393225 UPA393224:UPA393225 UYW393224:UYW393225 VIS393224:VIS393225 VSO393224:VSO393225 WCK393224:WCK393225 WMG393224:WMG393225 WWC393224:WWC393225 U458760:U458761 JQ458760:JQ458761 TM458760:TM458761 ADI458760:ADI458761 ANE458760:ANE458761 AXA458760:AXA458761 BGW458760:BGW458761 BQS458760:BQS458761 CAO458760:CAO458761 CKK458760:CKK458761 CUG458760:CUG458761 DEC458760:DEC458761 DNY458760:DNY458761 DXU458760:DXU458761 EHQ458760:EHQ458761 ERM458760:ERM458761 FBI458760:FBI458761 FLE458760:FLE458761 FVA458760:FVA458761 GEW458760:GEW458761 GOS458760:GOS458761 GYO458760:GYO458761 HIK458760:HIK458761 HSG458760:HSG458761 ICC458760:ICC458761 ILY458760:ILY458761 IVU458760:IVU458761 JFQ458760:JFQ458761 JPM458760:JPM458761 JZI458760:JZI458761 KJE458760:KJE458761 KTA458760:KTA458761 LCW458760:LCW458761 LMS458760:LMS458761 LWO458760:LWO458761 MGK458760:MGK458761 MQG458760:MQG458761 NAC458760:NAC458761 NJY458760:NJY458761 NTU458760:NTU458761 ODQ458760:ODQ458761 ONM458760:ONM458761 OXI458760:OXI458761 PHE458760:PHE458761 PRA458760:PRA458761 QAW458760:QAW458761 QKS458760:QKS458761 QUO458760:QUO458761 REK458760:REK458761 ROG458760:ROG458761 RYC458760:RYC458761 SHY458760:SHY458761 SRU458760:SRU458761 TBQ458760:TBQ458761 TLM458760:TLM458761 TVI458760:TVI458761 UFE458760:UFE458761 UPA458760:UPA458761 UYW458760:UYW458761 VIS458760:VIS458761 VSO458760:VSO458761 WCK458760:WCK458761 WMG458760:WMG458761 WWC458760:WWC458761 U524296:U524297 JQ524296:JQ524297 TM524296:TM524297 ADI524296:ADI524297 ANE524296:ANE524297 AXA524296:AXA524297 BGW524296:BGW524297 BQS524296:BQS524297 CAO524296:CAO524297 CKK524296:CKK524297 CUG524296:CUG524297 DEC524296:DEC524297 DNY524296:DNY524297 DXU524296:DXU524297 EHQ524296:EHQ524297 ERM524296:ERM524297 FBI524296:FBI524297 FLE524296:FLE524297 FVA524296:FVA524297 GEW524296:GEW524297 GOS524296:GOS524297 GYO524296:GYO524297 HIK524296:HIK524297 HSG524296:HSG524297 ICC524296:ICC524297 ILY524296:ILY524297 IVU524296:IVU524297 JFQ524296:JFQ524297 JPM524296:JPM524297 JZI524296:JZI524297 KJE524296:KJE524297 KTA524296:KTA524297 LCW524296:LCW524297 LMS524296:LMS524297 LWO524296:LWO524297 MGK524296:MGK524297 MQG524296:MQG524297 NAC524296:NAC524297 NJY524296:NJY524297 NTU524296:NTU524297 ODQ524296:ODQ524297 ONM524296:ONM524297 OXI524296:OXI524297 PHE524296:PHE524297 PRA524296:PRA524297 QAW524296:QAW524297 QKS524296:QKS524297 QUO524296:QUO524297 REK524296:REK524297 ROG524296:ROG524297 RYC524296:RYC524297 SHY524296:SHY524297 SRU524296:SRU524297 TBQ524296:TBQ524297 TLM524296:TLM524297 TVI524296:TVI524297 UFE524296:UFE524297 UPA524296:UPA524297 UYW524296:UYW524297 VIS524296:VIS524297 VSO524296:VSO524297 WCK524296:WCK524297 WMG524296:WMG524297 WWC524296:WWC524297 U589832:U589833 JQ589832:JQ589833 TM589832:TM589833 ADI589832:ADI589833 ANE589832:ANE589833 AXA589832:AXA589833 BGW589832:BGW589833 BQS589832:BQS589833 CAO589832:CAO589833 CKK589832:CKK589833 CUG589832:CUG589833 DEC589832:DEC589833 DNY589832:DNY589833 DXU589832:DXU589833 EHQ589832:EHQ589833 ERM589832:ERM589833 FBI589832:FBI589833 FLE589832:FLE589833 FVA589832:FVA589833 GEW589832:GEW589833 GOS589832:GOS589833 GYO589832:GYO589833 HIK589832:HIK589833 HSG589832:HSG589833 ICC589832:ICC589833 ILY589832:ILY589833 IVU589832:IVU589833 JFQ589832:JFQ589833 JPM589832:JPM589833 JZI589832:JZI589833 KJE589832:KJE589833 KTA589832:KTA589833 LCW589832:LCW589833 LMS589832:LMS589833 LWO589832:LWO589833 MGK589832:MGK589833 MQG589832:MQG589833 NAC589832:NAC589833 NJY589832:NJY589833 NTU589832:NTU589833 ODQ589832:ODQ589833 ONM589832:ONM589833 OXI589832:OXI589833 PHE589832:PHE589833 PRA589832:PRA589833 QAW589832:QAW589833 QKS589832:QKS589833 QUO589832:QUO589833 REK589832:REK589833 ROG589832:ROG589833 RYC589832:RYC589833 SHY589832:SHY589833 SRU589832:SRU589833 TBQ589832:TBQ589833 TLM589832:TLM589833 TVI589832:TVI589833 UFE589832:UFE589833 UPA589832:UPA589833 UYW589832:UYW589833 VIS589832:VIS589833 VSO589832:VSO589833 WCK589832:WCK589833 WMG589832:WMG589833 WWC589832:WWC589833 U655368:U655369 JQ655368:JQ655369 TM655368:TM655369 ADI655368:ADI655369 ANE655368:ANE655369 AXA655368:AXA655369 BGW655368:BGW655369 BQS655368:BQS655369 CAO655368:CAO655369 CKK655368:CKK655369 CUG655368:CUG655369 DEC655368:DEC655369 DNY655368:DNY655369 DXU655368:DXU655369 EHQ655368:EHQ655369 ERM655368:ERM655369 FBI655368:FBI655369 FLE655368:FLE655369 FVA655368:FVA655369 GEW655368:GEW655369 GOS655368:GOS655369 GYO655368:GYO655369 HIK655368:HIK655369 HSG655368:HSG655369 ICC655368:ICC655369 ILY655368:ILY655369 IVU655368:IVU655369 JFQ655368:JFQ655369 JPM655368:JPM655369 JZI655368:JZI655369 KJE655368:KJE655369 KTA655368:KTA655369 LCW655368:LCW655369 LMS655368:LMS655369 LWO655368:LWO655369 MGK655368:MGK655369 MQG655368:MQG655369 NAC655368:NAC655369 NJY655368:NJY655369 NTU655368:NTU655369 ODQ655368:ODQ655369 ONM655368:ONM655369 OXI655368:OXI655369 PHE655368:PHE655369 PRA655368:PRA655369 QAW655368:QAW655369 QKS655368:QKS655369 QUO655368:QUO655369 REK655368:REK655369 ROG655368:ROG655369 RYC655368:RYC655369 SHY655368:SHY655369 SRU655368:SRU655369 TBQ655368:TBQ655369 TLM655368:TLM655369 TVI655368:TVI655369 UFE655368:UFE655369 UPA655368:UPA655369 UYW655368:UYW655369 VIS655368:VIS655369 VSO655368:VSO655369 WCK655368:WCK655369 WMG655368:WMG655369 WWC655368:WWC655369 U720904:U720905 JQ720904:JQ720905 TM720904:TM720905 ADI720904:ADI720905 ANE720904:ANE720905 AXA720904:AXA720905 BGW720904:BGW720905 BQS720904:BQS720905 CAO720904:CAO720905 CKK720904:CKK720905 CUG720904:CUG720905 DEC720904:DEC720905 DNY720904:DNY720905 DXU720904:DXU720905 EHQ720904:EHQ720905 ERM720904:ERM720905 FBI720904:FBI720905 FLE720904:FLE720905 FVA720904:FVA720905 GEW720904:GEW720905 GOS720904:GOS720905 GYO720904:GYO720905 HIK720904:HIK720905 HSG720904:HSG720905 ICC720904:ICC720905 ILY720904:ILY720905 IVU720904:IVU720905 JFQ720904:JFQ720905 JPM720904:JPM720905 JZI720904:JZI720905 KJE720904:KJE720905 KTA720904:KTA720905 LCW720904:LCW720905 LMS720904:LMS720905 LWO720904:LWO720905 MGK720904:MGK720905 MQG720904:MQG720905 NAC720904:NAC720905 NJY720904:NJY720905 NTU720904:NTU720905 ODQ720904:ODQ720905 ONM720904:ONM720905 OXI720904:OXI720905 PHE720904:PHE720905 PRA720904:PRA720905 QAW720904:QAW720905 QKS720904:QKS720905 QUO720904:QUO720905 REK720904:REK720905 ROG720904:ROG720905 RYC720904:RYC720905 SHY720904:SHY720905 SRU720904:SRU720905 TBQ720904:TBQ720905 TLM720904:TLM720905 TVI720904:TVI720905 UFE720904:UFE720905 UPA720904:UPA720905 UYW720904:UYW720905 VIS720904:VIS720905 VSO720904:VSO720905 WCK720904:WCK720905 WMG720904:WMG720905 WWC720904:WWC720905 U786440:U786441 JQ786440:JQ786441 TM786440:TM786441 ADI786440:ADI786441 ANE786440:ANE786441 AXA786440:AXA786441 BGW786440:BGW786441 BQS786440:BQS786441 CAO786440:CAO786441 CKK786440:CKK786441 CUG786440:CUG786441 DEC786440:DEC786441 DNY786440:DNY786441 DXU786440:DXU786441 EHQ786440:EHQ786441 ERM786440:ERM786441 FBI786440:FBI786441 FLE786440:FLE786441 FVA786440:FVA786441 GEW786440:GEW786441 GOS786440:GOS786441 GYO786440:GYO786441 HIK786440:HIK786441 HSG786440:HSG786441 ICC786440:ICC786441 ILY786440:ILY786441 IVU786440:IVU786441 JFQ786440:JFQ786441 JPM786440:JPM786441 JZI786440:JZI786441 KJE786440:KJE786441 KTA786440:KTA786441 LCW786440:LCW786441 LMS786440:LMS786441 LWO786440:LWO786441 MGK786440:MGK786441 MQG786440:MQG786441 NAC786440:NAC786441 NJY786440:NJY786441 NTU786440:NTU786441 ODQ786440:ODQ786441 ONM786440:ONM786441 OXI786440:OXI786441 PHE786440:PHE786441 PRA786440:PRA786441 QAW786440:QAW786441 QKS786440:QKS786441 QUO786440:QUO786441 REK786440:REK786441 ROG786440:ROG786441 RYC786440:RYC786441 SHY786440:SHY786441 SRU786440:SRU786441 TBQ786440:TBQ786441 TLM786440:TLM786441 TVI786440:TVI786441 UFE786440:UFE786441 UPA786440:UPA786441 UYW786440:UYW786441 VIS786440:VIS786441 VSO786440:VSO786441 WCK786440:WCK786441 WMG786440:WMG786441 WWC786440:WWC786441 U851976:U851977 JQ851976:JQ851977 TM851976:TM851977 ADI851976:ADI851977 ANE851976:ANE851977 AXA851976:AXA851977 BGW851976:BGW851977 BQS851976:BQS851977 CAO851976:CAO851977 CKK851976:CKK851977 CUG851976:CUG851977 DEC851976:DEC851977 DNY851976:DNY851977 DXU851976:DXU851977 EHQ851976:EHQ851977 ERM851976:ERM851977 FBI851976:FBI851977 FLE851976:FLE851977 FVA851976:FVA851977 GEW851976:GEW851977 GOS851976:GOS851977 GYO851976:GYO851977 HIK851976:HIK851977 HSG851976:HSG851977 ICC851976:ICC851977 ILY851976:ILY851977 IVU851976:IVU851977 JFQ851976:JFQ851977 JPM851976:JPM851977 JZI851976:JZI851977 KJE851976:KJE851977 KTA851976:KTA851977 LCW851976:LCW851977 LMS851976:LMS851977 LWO851976:LWO851977 MGK851976:MGK851977 MQG851976:MQG851977 NAC851976:NAC851977 NJY851976:NJY851977 NTU851976:NTU851977 ODQ851976:ODQ851977 ONM851976:ONM851977 OXI851976:OXI851977 PHE851976:PHE851977 PRA851976:PRA851977 QAW851976:QAW851977 QKS851976:QKS851977 QUO851976:QUO851977 REK851976:REK851977 ROG851976:ROG851977 RYC851976:RYC851977 SHY851976:SHY851977 SRU851976:SRU851977 TBQ851976:TBQ851977 TLM851976:TLM851977 TVI851976:TVI851977 UFE851976:UFE851977 UPA851976:UPA851977 UYW851976:UYW851977 VIS851976:VIS851977 VSO851976:VSO851977 WCK851976:WCK851977 WMG851976:WMG851977 WWC851976:WWC851977 U917512:U917513 JQ917512:JQ917513 TM917512:TM917513 ADI917512:ADI917513 ANE917512:ANE917513 AXA917512:AXA917513 BGW917512:BGW917513 BQS917512:BQS917513 CAO917512:CAO917513 CKK917512:CKK917513 CUG917512:CUG917513 DEC917512:DEC917513 DNY917512:DNY917513 DXU917512:DXU917513 EHQ917512:EHQ917513 ERM917512:ERM917513 FBI917512:FBI917513 FLE917512:FLE917513 FVA917512:FVA917513 GEW917512:GEW917513 GOS917512:GOS917513 GYO917512:GYO917513 HIK917512:HIK917513 HSG917512:HSG917513 ICC917512:ICC917513 ILY917512:ILY917513 IVU917512:IVU917513 JFQ917512:JFQ917513 JPM917512:JPM917513 JZI917512:JZI917513 KJE917512:KJE917513 KTA917512:KTA917513 LCW917512:LCW917513 LMS917512:LMS917513 LWO917512:LWO917513 MGK917512:MGK917513 MQG917512:MQG917513 NAC917512:NAC917513 NJY917512:NJY917513 NTU917512:NTU917513 ODQ917512:ODQ917513 ONM917512:ONM917513 OXI917512:OXI917513 PHE917512:PHE917513 PRA917512:PRA917513 QAW917512:QAW917513 QKS917512:QKS917513 QUO917512:QUO917513 REK917512:REK917513 ROG917512:ROG917513 RYC917512:RYC917513 SHY917512:SHY917513 SRU917512:SRU917513 TBQ917512:TBQ917513 TLM917512:TLM917513 TVI917512:TVI917513 UFE917512:UFE917513 UPA917512:UPA917513 UYW917512:UYW917513 VIS917512:VIS917513 VSO917512:VSO917513 WCK917512:WCK917513 WMG917512:WMG917513 WWC917512:WWC917513 U983048:U983049 JQ983048:JQ983049 TM983048:TM983049 ADI983048:ADI983049 ANE983048:ANE983049 AXA983048:AXA983049 BGW983048:BGW983049 BQS983048:BQS983049 CAO983048:CAO983049 CKK983048:CKK983049 CUG983048:CUG983049 DEC983048:DEC983049 DNY983048:DNY983049 DXU983048:DXU983049 EHQ983048:EHQ983049 ERM983048:ERM983049 FBI983048:FBI983049 FLE983048:FLE983049 FVA983048:FVA983049 GEW983048:GEW983049 GOS983048:GOS983049 GYO983048:GYO983049 HIK983048:HIK983049 HSG983048:HSG983049 ICC983048:ICC983049 ILY983048:ILY983049 IVU983048:IVU983049 JFQ983048:JFQ983049 JPM983048:JPM983049 JZI983048:JZI983049 KJE983048:KJE983049 KTA983048:KTA983049 LCW983048:LCW983049 LMS983048:LMS983049 LWO983048:LWO983049 MGK983048:MGK983049 MQG983048:MQG983049 NAC983048:NAC983049 NJY983048:NJY983049 NTU983048:NTU983049 ODQ983048:ODQ983049 ONM983048:ONM983049 OXI983048:OXI983049 PHE983048:PHE983049 PRA983048:PRA983049 QAW983048:QAW983049 QKS983048:QKS983049 QUO983048:QUO983049 REK983048:REK983049 ROG983048:ROG983049 RYC983048:RYC983049 SHY983048:SHY983049 SRU983048:SRU983049 TBQ983048:TBQ983049 TLM983048:TLM983049 TVI983048:TVI983049 UFE983048:UFE983049 UPA983048:UPA983049 UYW983048:UYW983049 VIS983048:VIS983049 VSO983048:VSO983049 WCK983048:WCK983049 WMG983048:WMG983049 WWC983048:WWC983049 M13:M16 JI13:JI16 TE13:TE16 ADA13:ADA16 AMW13:AMW16 AWS13:AWS16 BGO13:BGO16 BQK13:BQK16 CAG13:CAG16 CKC13:CKC16 CTY13:CTY16 DDU13:DDU16 DNQ13:DNQ16 DXM13:DXM16 EHI13:EHI16 ERE13:ERE16 FBA13:FBA16 FKW13:FKW16 FUS13:FUS16 GEO13:GEO16 GOK13:GOK16 GYG13:GYG16 HIC13:HIC16 HRY13:HRY16 IBU13:IBU16 ILQ13:ILQ16 IVM13:IVM16 JFI13:JFI16 JPE13:JPE16 JZA13:JZA16 KIW13:KIW16 KSS13:KSS16 LCO13:LCO16 LMK13:LMK16 LWG13:LWG16 MGC13:MGC16 MPY13:MPY16 MZU13:MZU16 NJQ13:NJQ16 NTM13:NTM16 ODI13:ODI16 ONE13:ONE16 OXA13:OXA16 PGW13:PGW16 PQS13:PQS16 QAO13:QAO16 QKK13:QKK16 QUG13:QUG16 REC13:REC16 RNY13:RNY16 RXU13:RXU16 SHQ13:SHQ16 SRM13:SRM16 TBI13:TBI16 TLE13:TLE16 TVA13:TVA16 UEW13:UEW16 UOS13:UOS16 UYO13:UYO16 VIK13:VIK16 VSG13:VSG16 WCC13:WCC16 WLY13:WLY16 WVU13:WVU16 M65549:M65552 JI65549:JI65552 TE65549:TE65552 ADA65549:ADA65552 AMW65549:AMW65552 AWS65549:AWS65552 BGO65549:BGO65552 BQK65549:BQK65552 CAG65549:CAG65552 CKC65549:CKC65552 CTY65549:CTY65552 DDU65549:DDU65552 DNQ65549:DNQ65552 DXM65549:DXM65552 EHI65549:EHI65552 ERE65549:ERE65552 FBA65549:FBA65552 FKW65549:FKW65552 FUS65549:FUS65552 GEO65549:GEO65552 GOK65549:GOK65552 GYG65549:GYG65552 HIC65549:HIC65552 HRY65549:HRY65552 IBU65549:IBU65552 ILQ65549:ILQ65552 IVM65549:IVM65552 JFI65549:JFI65552 JPE65549:JPE65552 JZA65549:JZA65552 KIW65549:KIW65552 KSS65549:KSS65552 LCO65549:LCO65552 LMK65549:LMK65552 LWG65549:LWG65552 MGC65549:MGC65552 MPY65549:MPY65552 MZU65549:MZU65552 NJQ65549:NJQ65552 NTM65549:NTM65552 ODI65549:ODI65552 ONE65549:ONE65552 OXA65549:OXA65552 PGW65549:PGW65552 PQS65549:PQS65552 QAO65549:QAO65552 QKK65549:QKK65552 QUG65549:QUG65552 REC65549:REC65552 RNY65549:RNY65552 RXU65549:RXU65552 SHQ65549:SHQ65552 SRM65549:SRM65552 TBI65549:TBI65552 TLE65549:TLE65552 TVA65549:TVA65552 UEW65549:UEW65552 UOS65549:UOS65552 UYO65549:UYO65552 VIK65549:VIK65552 VSG65549:VSG65552 WCC65549:WCC65552 WLY65549:WLY65552 WVU65549:WVU65552 M131085:M131088 JI131085:JI131088 TE131085:TE131088 ADA131085:ADA131088 AMW131085:AMW131088 AWS131085:AWS131088 BGO131085:BGO131088 BQK131085:BQK131088 CAG131085:CAG131088 CKC131085:CKC131088 CTY131085:CTY131088 DDU131085:DDU131088 DNQ131085:DNQ131088 DXM131085:DXM131088 EHI131085:EHI131088 ERE131085:ERE131088 FBA131085:FBA131088 FKW131085:FKW131088 FUS131085:FUS131088 GEO131085:GEO131088 GOK131085:GOK131088 GYG131085:GYG131088 HIC131085:HIC131088 HRY131085:HRY131088 IBU131085:IBU131088 ILQ131085:ILQ131088 IVM131085:IVM131088 JFI131085:JFI131088 JPE131085:JPE131088 JZA131085:JZA131088 KIW131085:KIW131088 KSS131085:KSS131088 LCO131085:LCO131088 LMK131085:LMK131088 LWG131085:LWG131088 MGC131085:MGC131088 MPY131085:MPY131088 MZU131085:MZU131088 NJQ131085:NJQ131088 NTM131085:NTM131088 ODI131085:ODI131088 ONE131085:ONE131088 OXA131085:OXA131088 PGW131085:PGW131088 PQS131085:PQS131088 QAO131085:QAO131088 QKK131085:QKK131088 QUG131085:QUG131088 REC131085:REC131088 RNY131085:RNY131088 RXU131085:RXU131088 SHQ131085:SHQ131088 SRM131085:SRM131088 TBI131085:TBI131088 TLE131085:TLE131088 TVA131085:TVA131088 UEW131085:UEW131088 UOS131085:UOS131088 UYO131085:UYO131088 VIK131085:VIK131088 VSG131085:VSG131088 WCC131085:WCC131088 WLY131085:WLY131088 WVU131085:WVU131088 M196621:M196624 JI196621:JI196624 TE196621:TE196624 ADA196621:ADA196624 AMW196621:AMW196624 AWS196621:AWS196624 BGO196621:BGO196624 BQK196621:BQK196624 CAG196621:CAG196624 CKC196621:CKC196624 CTY196621:CTY196624 DDU196621:DDU196624 DNQ196621:DNQ196624 DXM196621:DXM196624 EHI196621:EHI196624 ERE196621:ERE196624 FBA196621:FBA196624 FKW196621:FKW196624 FUS196621:FUS196624 GEO196621:GEO196624 GOK196621:GOK196624 GYG196621:GYG196624 HIC196621:HIC196624 HRY196621:HRY196624 IBU196621:IBU196624 ILQ196621:ILQ196624 IVM196621:IVM196624 JFI196621:JFI196624 JPE196621:JPE196624 JZA196621:JZA196624 KIW196621:KIW196624 KSS196621:KSS196624 LCO196621:LCO196624 LMK196621:LMK196624 LWG196621:LWG196624 MGC196621:MGC196624 MPY196621:MPY196624 MZU196621:MZU196624 NJQ196621:NJQ196624 NTM196621:NTM196624 ODI196621:ODI196624 ONE196621:ONE196624 OXA196621:OXA196624 PGW196621:PGW196624 PQS196621:PQS196624 QAO196621:QAO196624 QKK196621:QKK196624 QUG196621:QUG196624 REC196621:REC196624 RNY196621:RNY196624 RXU196621:RXU196624 SHQ196621:SHQ196624 SRM196621:SRM196624 TBI196621:TBI196624 TLE196621:TLE196624 TVA196621:TVA196624 UEW196621:UEW196624 UOS196621:UOS196624 UYO196621:UYO196624 VIK196621:VIK196624 VSG196621:VSG196624 WCC196621:WCC196624 WLY196621:WLY196624 WVU196621:WVU196624 M262157:M262160 JI262157:JI262160 TE262157:TE262160 ADA262157:ADA262160 AMW262157:AMW262160 AWS262157:AWS262160 BGO262157:BGO262160 BQK262157:BQK262160 CAG262157:CAG262160 CKC262157:CKC262160 CTY262157:CTY262160 DDU262157:DDU262160 DNQ262157:DNQ262160 DXM262157:DXM262160 EHI262157:EHI262160 ERE262157:ERE262160 FBA262157:FBA262160 FKW262157:FKW262160 FUS262157:FUS262160 GEO262157:GEO262160 GOK262157:GOK262160 GYG262157:GYG262160 HIC262157:HIC262160 HRY262157:HRY262160 IBU262157:IBU262160 ILQ262157:ILQ262160 IVM262157:IVM262160 JFI262157:JFI262160 JPE262157:JPE262160 JZA262157:JZA262160 KIW262157:KIW262160 KSS262157:KSS262160 LCO262157:LCO262160 LMK262157:LMK262160 LWG262157:LWG262160 MGC262157:MGC262160 MPY262157:MPY262160 MZU262157:MZU262160 NJQ262157:NJQ262160 NTM262157:NTM262160 ODI262157:ODI262160 ONE262157:ONE262160 OXA262157:OXA262160 PGW262157:PGW262160 PQS262157:PQS262160 QAO262157:QAO262160 QKK262157:QKK262160 QUG262157:QUG262160 REC262157:REC262160 RNY262157:RNY262160 RXU262157:RXU262160 SHQ262157:SHQ262160 SRM262157:SRM262160 TBI262157:TBI262160 TLE262157:TLE262160 TVA262157:TVA262160 UEW262157:UEW262160 UOS262157:UOS262160 UYO262157:UYO262160 VIK262157:VIK262160 VSG262157:VSG262160 WCC262157:WCC262160 WLY262157:WLY262160 WVU262157:WVU262160 M327693:M327696 JI327693:JI327696 TE327693:TE327696 ADA327693:ADA327696 AMW327693:AMW327696 AWS327693:AWS327696 BGO327693:BGO327696 BQK327693:BQK327696 CAG327693:CAG327696 CKC327693:CKC327696 CTY327693:CTY327696 DDU327693:DDU327696 DNQ327693:DNQ327696 DXM327693:DXM327696 EHI327693:EHI327696 ERE327693:ERE327696 FBA327693:FBA327696 FKW327693:FKW327696 FUS327693:FUS327696 GEO327693:GEO327696 GOK327693:GOK327696 GYG327693:GYG327696 HIC327693:HIC327696 HRY327693:HRY327696 IBU327693:IBU327696 ILQ327693:ILQ327696 IVM327693:IVM327696 JFI327693:JFI327696 JPE327693:JPE327696 JZA327693:JZA327696 KIW327693:KIW327696 KSS327693:KSS327696 LCO327693:LCO327696 LMK327693:LMK327696 LWG327693:LWG327696 MGC327693:MGC327696 MPY327693:MPY327696 MZU327693:MZU327696 NJQ327693:NJQ327696 NTM327693:NTM327696 ODI327693:ODI327696 ONE327693:ONE327696 OXA327693:OXA327696 PGW327693:PGW327696 PQS327693:PQS327696 QAO327693:QAO327696 QKK327693:QKK327696 QUG327693:QUG327696 REC327693:REC327696 RNY327693:RNY327696 RXU327693:RXU327696 SHQ327693:SHQ327696 SRM327693:SRM327696 TBI327693:TBI327696 TLE327693:TLE327696 TVA327693:TVA327696 UEW327693:UEW327696 UOS327693:UOS327696 UYO327693:UYO327696 VIK327693:VIK327696 VSG327693:VSG327696 WCC327693:WCC327696 WLY327693:WLY327696 WVU327693:WVU327696 M393229:M393232 JI393229:JI393232 TE393229:TE393232 ADA393229:ADA393232 AMW393229:AMW393232 AWS393229:AWS393232 BGO393229:BGO393232 BQK393229:BQK393232 CAG393229:CAG393232 CKC393229:CKC393232 CTY393229:CTY393232 DDU393229:DDU393232 DNQ393229:DNQ393232 DXM393229:DXM393232 EHI393229:EHI393232 ERE393229:ERE393232 FBA393229:FBA393232 FKW393229:FKW393232 FUS393229:FUS393232 GEO393229:GEO393232 GOK393229:GOK393232 GYG393229:GYG393232 HIC393229:HIC393232 HRY393229:HRY393232 IBU393229:IBU393232 ILQ393229:ILQ393232 IVM393229:IVM393232 JFI393229:JFI393232 JPE393229:JPE393232 JZA393229:JZA393232 KIW393229:KIW393232 KSS393229:KSS393232 LCO393229:LCO393232 LMK393229:LMK393232 LWG393229:LWG393232 MGC393229:MGC393232 MPY393229:MPY393232 MZU393229:MZU393232 NJQ393229:NJQ393232 NTM393229:NTM393232 ODI393229:ODI393232 ONE393229:ONE393232 OXA393229:OXA393232 PGW393229:PGW393232 PQS393229:PQS393232 QAO393229:QAO393232 QKK393229:QKK393232 QUG393229:QUG393232 REC393229:REC393232 RNY393229:RNY393232 RXU393229:RXU393232 SHQ393229:SHQ393232 SRM393229:SRM393232 TBI393229:TBI393232 TLE393229:TLE393232 TVA393229:TVA393232 UEW393229:UEW393232 UOS393229:UOS393232 UYO393229:UYO393232 VIK393229:VIK393232 VSG393229:VSG393232 WCC393229:WCC393232 WLY393229:WLY393232 WVU393229:WVU393232 M458765:M458768 JI458765:JI458768 TE458765:TE458768 ADA458765:ADA458768 AMW458765:AMW458768 AWS458765:AWS458768 BGO458765:BGO458768 BQK458765:BQK458768 CAG458765:CAG458768 CKC458765:CKC458768 CTY458765:CTY458768 DDU458765:DDU458768 DNQ458765:DNQ458768 DXM458765:DXM458768 EHI458765:EHI458768 ERE458765:ERE458768 FBA458765:FBA458768 FKW458765:FKW458768 FUS458765:FUS458768 GEO458765:GEO458768 GOK458765:GOK458768 GYG458765:GYG458768 HIC458765:HIC458768 HRY458765:HRY458768 IBU458765:IBU458768 ILQ458765:ILQ458768 IVM458765:IVM458768 JFI458765:JFI458768 JPE458765:JPE458768 JZA458765:JZA458768 KIW458765:KIW458768 KSS458765:KSS458768 LCO458765:LCO458768 LMK458765:LMK458768 LWG458765:LWG458768 MGC458765:MGC458768 MPY458765:MPY458768 MZU458765:MZU458768 NJQ458765:NJQ458768 NTM458765:NTM458768 ODI458765:ODI458768 ONE458765:ONE458768 OXA458765:OXA458768 PGW458765:PGW458768 PQS458765:PQS458768 QAO458765:QAO458768 QKK458765:QKK458768 QUG458765:QUG458768 REC458765:REC458768 RNY458765:RNY458768 RXU458765:RXU458768 SHQ458765:SHQ458768 SRM458765:SRM458768 TBI458765:TBI458768 TLE458765:TLE458768 TVA458765:TVA458768 UEW458765:UEW458768 UOS458765:UOS458768 UYO458765:UYO458768 VIK458765:VIK458768 VSG458765:VSG458768 WCC458765:WCC458768 WLY458765:WLY458768 WVU458765:WVU458768 M524301:M524304 JI524301:JI524304 TE524301:TE524304 ADA524301:ADA524304 AMW524301:AMW524304 AWS524301:AWS524304 BGO524301:BGO524304 BQK524301:BQK524304 CAG524301:CAG524304 CKC524301:CKC524304 CTY524301:CTY524304 DDU524301:DDU524304 DNQ524301:DNQ524304 DXM524301:DXM524304 EHI524301:EHI524304 ERE524301:ERE524304 FBA524301:FBA524304 FKW524301:FKW524304 FUS524301:FUS524304 GEO524301:GEO524304 GOK524301:GOK524304 GYG524301:GYG524304 HIC524301:HIC524304 HRY524301:HRY524304 IBU524301:IBU524304 ILQ524301:ILQ524304 IVM524301:IVM524304 JFI524301:JFI524304 JPE524301:JPE524304 JZA524301:JZA524304 KIW524301:KIW524304 KSS524301:KSS524304 LCO524301:LCO524304 LMK524301:LMK524304 LWG524301:LWG524304 MGC524301:MGC524304 MPY524301:MPY524304 MZU524301:MZU524304 NJQ524301:NJQ524304 NTM524301:NTM524304 ODI524301:ODI524304 ONE524301:ONE524304 OXA524301:OXA524304 PGW524301:PGW524304 PQS524301:PQS524304 QAO524301:QAO524304 QKK524301:QKK524304 QUG524301:QUG524304 REC524301:REC524304 RNY524301:RNY524304 RXU524301:RXU524304 SHQ524301:SHQ524304 SRM524301:SRM524304 TBI524301:TBI524304 TLE524301:TLE524304 TVA524301:TVA524304 UEW524301:UEW524304 UOS524301:UOS524304 UYO524301:UYO524304 VIK524301:VIK524304 VSG524301:VSG524304 WCC524301:WCC524304 WLY524301:WLY524304 WVU524301:WVU524304 M589837:M589840 JI589837:JI589840 TE589837:TE589840 ADA589837:ADA589840 AMW589837:AMW589840 AWS589837:AWS589840 BGO589837:BGO589840 BQK589837:BQK589840 CAG589837:CAG589840 CKC589837:CKC589840 CTY589837:CTY589840 DDU589837:DDU589840 DNQ589837:DNQ589840 DXM589837:DXM589840 EHI589837:EHI589840 ERE589837:ERE589840 FBA589837:FBA589840 FKW589837:FKW589840 FUS589837:FUS589840 GEO589837:GEO589840 GOK589837:GOK589840 GYG589837:GYG589840 HIC589837:HIC589840 HRY589837:HRY589840 IBU589837:IBU589840 ILQ589837:ILQ589840 IVM589837:IVM589840 JFI589837:JFI589840 JPE589837:JPE589840 JZA589837:JZA589840 KIW589837:KIW589840 KSS589837:KSS589840 LCO589837:LCO589840 LMK589837:LMK589840 LWG589837:LWG589840 MGC589837:MGC589840 MPY589837:MPY589840 MZU589837:MZU589840 NJQ589837:NJQ589840 NTM589837:NTM589840 ODI589837:ODI589840 ONE589837:ONE589840 OXA589837:OXA589840 PGW589837:PGW589840 PQS589837:PQS589840 QAO589837:QAO589840 QKK589837:QKK589840 QUG589837:QUG589840 REC589837:REC589840 RNY589837:RNY589840 RXU589837:RXU589840 SHQ589837:SHQ589840 SRM589837:SRM589840 TBI589837:TBI589840 TLE589837:TLE589840 TVA589837:TVA589840 UEW589837:UEW589840 UOS589837:UOS589840 UYO589837:UYO589840 VIK589837:VIK589840 VSG589837:VSG589840 WCC589837:WCC589840 WLY589837:WLY589840 WVU589837:WVU589840 M655373:M655376 JI655373:JI655376 TE655373:TE655376 ADA655373:ADA655376 AMW655373:AMW655376 AWS655373:AWS655376 BGO655373:BGO655376 BQK655373:BQK655376 CAG655373:CAG655376 CKC655373:CKC655376 CTY655373:CTY655376 DDU655373:DDU655376 DNQ655373:DNQ655376 DXM655373:DXM655376 EHI655373:EHI655376 ERE655373:ERE655376 FBA655373:FBA655376 FKW655373:FKW655376 FUS655373:FUS655376 GEO655373:GEO655376 GOK655373:GOK655376 GYG655373:GYG655376 HIC655373:HIC655376 HRY655373:HRY655376 IBU655373:IBU655376 ILQ655373:ILQ655376 IVM655373:IVM655376 JFI655373:JFI655376 JPE655373:JPE655376 JZA655373:JZA655376 KIW655373:KIW655376 KSS655373:KSS655376 LCO655373:LCO655376 LMK655373:LMK655376 LWG655373:LWG655376 MGC655373:MGC655376 MPY655373:MPY655376 MZU655373:MZU655376 NJQ655373:NJQ655376 NTM655373:NTM655376 ODI655373:ODI655376 ONE655373:ONE655376 OXA655373:OXA655376 PGW655373:PGW655376 PQS655373:PQS655376 QAO655373:QAO655376 QKK655373:QKK655376 QUG655373:QUG655376 REC655373:REC655376 RNY655373:RNY655376 RXU655373:RXU655376 SHQ655373:SHQ655376 SRM655373:SRM655376 TBI655373:TBI655376 TLE655373:TLE655376 TVA655373:TVA655376 UEW655373:UEW655376 UOS655373:UOS655376 UYO655373:UYO655376 VIK655373:VIK655376 VSG655373:VSG655376 WCC655373:WCC655376 WLY655373:WLY655376 WVU655373:WVU655376 M720909:M720912 JI720909:JI720912 TE720909:TE720912 ADA720909:ADA720912 AMW720909:AMW720912 AWS720909:AWS720912 BGO720909:BGO720912 BQK720909:BQK720912 CAG720909:CAG720912 CKC720909:CKC720912 CTY720909:CTY720912 DDU720909:DDU720912 DNQ720909:DNQ720912 DXM720909:DXM720912 EHI720909:EHI720912 ERE720909:ERE720912 FBA720909:FBA720912 FKW720909:FKW720912 FUS720909:FUS720912 GEO720909:GEO720912 GOK720909:GOK720912 GYG720909:GYG720912 HIC720909:HIC720912 HRY720909:HRY720912 IBU720909:IBU720912 ILQ720909:ILQ720912 IVM720909:IVM720912 JFI720909:JFI720912 JPE720909:JPE720912 JZA720909:JZA720912 KIW720909:KIW720912 KSS720909:KSS720912 LCO720909:LCO720912 LMK720909:LMK720912 LWG720909:LWG720912 MGC720909:MGC720912 MPY720909:MPY720912 MZU720909:MZU720912 NJQ720909:NJQ720912 NTM720909:NTM720912 ODI720909:ODI720912 ONE720909:ONE720912 OXA720909:OXA720912 PGW720909:PGW720912 PQS720909:PQS720912 QAO720909:QAO720912 QKK720909:QKK720912 QUG720909:QUG720912 REC720909:REC720912 RNY720909:RNY720912 RXU720909:RXU720912 SHQ720909:SHQ720912 SRM720909:SRM720912 TBI720909:TBI720912 TLE720909:TLE720912 TVA720909:TVA720912 UEW720909:UEW720912 UOS720909:UOS720912 UYO720909:UYO720912 VIK720909:VIK720912 VSG720909:VSG720912 WCC720909:WCC720912 WLY720909:WLY720912 WVU720909:WVU720912 M786445:M786448 JI786445:JI786448 TE786445:TE786448 ADA786445:ADA786448 AMW786445:AMW786448 AWS786445:AWS786448 BGO786445:BGO786448 BQK786445:BQK786448 CAG786445:CAG786448 CKC786445:CKC786448 CTY786445:CTY786448 DDU786445:DDU786448 DNQ786445:DNQ786448 DXM786445:DXM786448 EHI786445:EHI786448 ERE786445:ERE786448 FBA786445:FBA786448 FKW786445:FKW786448 FUS786445:FUS786448 GEO786445:GEO786448 GOK786445:GOK786448 GYG786445:GYG786448 HIC786445:HIC786448 HRY786445:HRY786448 IBU786445:IBU786448 ILQ786445:ILQ786448 IVM786445:IVM786448 JFI786445:JFI786448 JPE786445:JPE786448 JZA786445:JZA786448 KIW786445:KIW786448 KSS786445:KSS786448 LCO786445:LCO786448 LMK786445:LMK786448 LWG786445:LWG786448 MGC786445:MGC786448 MPY786445:MPY786448 MZU786445:MZU786448 NJQ786445:NJQ786448 NTM786445:NTM786448 ODI786445:ODI786448 ONE786445:ONE786448 OXA786445:OXA786448 PGW786445:PGW786448 PQS786445:PQS786448 QAO786445:QAO786448 QKK786445:QKK786448 QUG786445:QUG786448 REC786445:REC786448 RNY786445:RNY786448 RXU786445:RXU786448 SHQ786445:SHQ786448 SRM786445:SRM786448 TBI786445:TBI786448 TLE786445:TLE786448 TVA786445:TVA786448 UEW786445:UEW786448 UOS786445:UOS786448 UYO786445:UYO786448 VIK786445:VIK786448 VSG786445:VSG786448 WCC786445:WCC786448 WLY786445:WLY786448 WVU786445:WVU786448 M851981:M851984 JI851981:JI851984 TE851981:TE851984 ADA851981:ADA851984 AMW851981:AMW851984 AWS851981:AWS851984 BGO851981:BGO851984 BQK851981:BQK851984 CAG851981:CAG851984 CKC851981:CKC851984 CTY851981:CTY851984 DDU851981:DDU851984 DNQ851981:DNQ851984 DXM851981:DXM851984 EHI851981:EHI851984 ERE851981:ERE851984 FBA851981:FBA851984 FKW851981:FKW851984 FUS851981:FUS851984 GEO851981:GEO851984 GOK851981:GOK851984 GYG851981:GYG851984 HIC851981:HIC851984 HRY851981:HRY851984 IBU851981:IBU851984 ILQ851981:ILQ851984 IVM851981:IVM851984 JFI851981:JFI851984 JPE851981:JPE851984 JZA851981:JZA851984 KIW851981:KIW851984 KSS851981:KSS851984 LCO851981:LCO851984 LMK851981:LMK851984 LWG851981:LWG851984 MGC851981:MGC851984 MPY851981:MPY851984 MZU851981:MZU851984 NJQ851981:NJQ851984 NTM851981:NTM851984 ODI851981:ODI851984 ONE851981:ONE851984 OXA851981:OXA851984 PGW851981:PGW851984 PQS851981:PQS851984 QAO851981:QAO851984 QKK851981:QKK851984 QUG851981:QUG851984 REC851981:REC851984 RNY851981:RNY851984 RXU851981:RXU851984 SHQ851981:SHQ851984 SRM851981:SRM851984 TBI851981:TBI851984 TLE851981:TLE851984 TVA851981:TVA851984 UEW851981:UEW851984 UOS851981:UOS851984 UYO851981:UYO851984 VIK851981:VIK851984 VSG851981:VSG851984 WCC851981:WCC851984 WLY851981:WLY851984 WVU851981:WVU851984 M917517:M917520 JI917517:JI917520 TE917517:TE917520 ADA917517:ADA917520 AMW917517:AMW917520 AWS917517:AWS917520 BGO917517:BGO917520 BQK917517:BQK917520 CAG917517:CAG917520 CKC917517:CKC917520 CTY917517:CTY917520 DDU917517:DDU917520 DNQ917517:DNQ917520 DXM917517:DXM917520 EHI917517:EHI917520 ERE917517:ERE917520 FBA917517:FBA917520 FKW917517:FKW917520 FUS917517:FUS917520 GEO917517:GEO917520 GOK917517:GOK917520 GYG917517:GYG917520 HIC917517:HIC917520 HRY917517:HRY917520 IBU917517:IBU917520 ILQ917517:ILQ917520 IVM917517:IVM917520 JFI917517:JFI917520 JPE917517:JPE917520 JZA917517:JZA917520 KIW917517:KIW917520 KSS917517:KSS917520 LCO917517:LCO917520 LMK917517:LMK917520 LWG917517:LWG917520 MGC917517:MGC917520 MPY917517:MPY917520 MZU917517:MZU917520 NJQ917517:NJQ917520 NTM917517:NTM917520 ODI917517:ODI917520 ONE917517:ONE917520 OXA917517:OXA917520 PGW917517:PGW917520 PQS917517:PQS917520 QAO917517:QAO917520 QKK917517:QKK917520 QUG917517:QUG917520 REC917517:REC917520 RNY917517:RNY917520 RXU917517:RXU917520 SHQ917517:SHQ917520 SRM917517:SRM917520 TBI917517:TBI917520 TLE917517:TLE917520 TVA917517:TVA917520 UEW917517:UEW917520 UOS917517:UOS917520 UYO917517:UYO917520 VIK917517:VIK917520 VSG917517:VSG917520 WCC917517:WCC917520 WLY917517:WLY917520 WVU917517:WVU917520 M983053:M983056 JI983053:JI983056 TE983053:TE983056 ADA983053:ADA983056 AMW983053:AMW983056 AWS983053:AWS983056 BGO983053:BGO983056 BQK983053:BQK983056 CAG983053:CAG983056 CKC983053:CKC983056 CTY983053:CTY983056 DDU983053:DDU983056 DNQ983053:DNQ983056 DXM983053:DXM983056 EHI983053:EHI983056 ERE983053:ERE983056 FBA983053:FBA983056 FKW983053:FKW983056 FUS983053:FUS983056 GEO983053:GEO983056 GOK983053:GOK983056 GYG983053:GYG983056 HIC983053:HIC983056 HRY983053:HRY983056 IBU983053:IBU983056 ILQ983053:ILQ983056 IVM983053:IVM983056 JFI983053:JFI983056 JPE983053:JPE983056 JZA983053:JZA983056 KIW983053:KIW983056 KSS983053:KSS983056 LCO983053:LCO983056 LMK983053:LMK983056 LWG983053:LWG983056 MGC983053:MGC983056 MPY983053:MPY983056 MZU983053:MZU983056 NJQ983053:NJQ983056 NTM983053:NTM983056 ODI983053:ODI983056 ONE983053:ONE983056 OXA983053:OXA983056 PGW983053:PGW983056 PQS983053:PQS983056 QAO983053:QAO983056 QKK983053:QKK983056 QUG983053:QUG983056 REC983053:REC983056 RNY983053:RNY983056 RXU983053:RXU983056 SHQ983053:SHQ983056 SRM983053:SRM983056 TBI983053:TBI983056 TLE983053:TLE983056 TVA983053:TVA983056 UEW983053:UEW983056 UOS983053:UOS983056 UYO983053:UYO983056 VIK983053:VIK983056 VSG983053:VSG983056 WCC983053:WCC983056 WLY983053:WLY983056 WVU983053:WVU983056 A14 IW14 SS14 ACO14 AMK14 AWG14 BGC14 BPY14 BZU14 CJQ14 CTM14 DDI14 DNE14 DXA14 EGW14 EQS14 FAO14 FKK14 FUG14 GEC14 GNY14 GXU14 HHQ14 HRM14 IBI14 ILE14 IVA14 JEW14 JOS14 JYO14 KIK14 KSG14 LCC14 LLY14 LVU14 MFQ14 MPM14 MZI14 NJE14 NTA14 OCW14 OMS14 OWO14 PGK14 PQG14 QAC14 QJY14 QTU14 RDQ14 RNM14 RXI14 SHE14 SRA14 TAW14 TKS14 TUO14 UEK14 UOG14 UYC14 VHY14 VRU14 WBQ14 WLM14 WVI14 A65550 IW65550 SS65550 ACO65550 AMK65550 AWG65550 BGC65550 BPY65550 BZU65550 CJQ65550 CTM65550 DDI65550 DNE65550 DXA65550 EGW65550 EQS65550 FAO65550 FKK65550 FUG65550 GEC65550 GNY65550 GXU65550 HHQ65550 HRM65550 IBI65550 ILE65550 IVA65550 JEW65550 JOS65550 JYO65550 KIK65550 KSG65550 LCC65550 LLY65550 LVU65550 MFQ65550 MPM65550 MZI65550 NJE65550 NTA65550 OCW65550 OMS65550 OWO65550 PGK65550 PQG65550 QAC65550 QJY65550 QTU65550 RDQ65550 RNM65550 RXI65550 SHE65550 SRA65550 TAW65550 TKS65550 TUO65550 UEK65550 UOG65550 UYC65550 VHY65550 VRU65550 WBQ65550 WLM65550 WVI65550 A131086 IW131086 SS131086 ACO131086 AMK131086 AWG131086 BGC131086 BPY131086 BZU131086 CJQ131086 CTM131086 DDI131086 DNE131086 DXA131086 EGW131086 EQS131086 FAO131086 FKK131086 FUG131086 GEC131086 GNY131086 GXU131086 HHQ131086 HRM131086 IBI131086 ILE131086 IVA131086 JEW131086 JOS131086 JYO131086 KIK131086 KSG131086 LCC131086 LLY131086 LVU131086 MFQ131086 MPM131086 MZI131086 NJE131086 NTA131086 OCW131086 OMS131086 OWO131086 PGK131086 PQG131086 QAC131086 QJY131086 QTU131086 RDQ131086 RNM131086 RXI131086 SHE131086 SRA131086 TAW131086 TKS131086 TUO131086 UEK131086 UOG131086 UYC131086 VHY131086 VRU131086 WBQ131086 WLM131086 WVI131086 A196622 IW196622 SS196622 ACO196622 AMK196622 AWG196622 BGC196622 BPY196622 BZU196622 CJQ196622 CTM196622 DDI196622 DNE196622 DXA196622 EGW196622 EQS196622 FAO196622 FKK196622 FUG196622 GEC196622 GNY196622 GXU196622 HHQ196622 HRM196622 IBI196622 ILE196622 IVA196622 JEW196622 JOS196622 JYO196622 KIK196622 KSG196622 LCC196622 LLY196622 LVU196622 MFQ196622 MPM196622 MZI196622 NJE196622 NTA196622 OCW196622 OMS196622 OWO196622 PGK196622 PQG196622 QAC196622 QJY196622 QTU196622 RDQ196622 RNM196622 RXI196622 SHE196622 SRA196622 TAW196622 TKS196622 TUO196622 UEK196622 UOG196622 UYC196622 VHY196622 VRU196622 WBQ196622 WLM196622 WVI196622 A262158 IW262158 SS262158 ACO262158 AMK262158 AWG262158 BGC262158 BPY262158 BZU262158 CJQ262158 CTM262158 DDI262158 DNE262158 DXA262158 EGW262158 EQS262158 FAO262158 FKK262158 FUG262158 GEC262158 GNY262158 GXU262158 HHQ262158 HRM262158 IBI262158 ILE262158 IVA262158 JEW262158 JOS262158 JYO262158 KIK262158 KSG262158 LCC262158 LLY262158 LVU262158 MFQ262158 MPM262158 MZI262158 NJE262158 NTA262158 OCW262158 OMS262158 OWO262158 PGK262158 PQG262158 QAC262158 QJY262158 QTU262158 RDQ262158 RNM262158 RXI262158 SHE262158 SRA262158 TAW262158 TKS262158 TUO262158 UEK262158 UOG262158 UYC262158 VHY262158 VRU262158 WBQ262158 WLM262158 WVI262158 A327694 IW327694 SS327694 ACO327694 AMK327694 AWG327694 BGC327694 BPY327694 BZU327694 CJQ327694 CTM327694 DDI327694 DNE327694 DXA327694 EGW327694 EQS327694 FAO327694 FKK327694 FUG327694 GEC327694 GNY327694 GXU327694 HHQ327694 HRM327694 IBI327694 ILE327694 IVA327694 JEW327694 JOS327694 JYO327694 KIK327694 KSG327694 LCC327694 LLY327694 LVU327694 MFQ327694 MPM327694 MZI327694 NJE327694 NTA327694 OCW327694 OMS327694 OWO327694 PGK327694 PQG327694 QAC327694 QJY327694 QTU327694 RDQ327694 RNM327694 RXI327694 SHE327694 SRA327694 TAW327694 TKS327694 TUO327694 UEK327694 UOG327694 UYC327694 VHY327694 VRU327694 WBQ327694 WLM327694 WVI327694 A393230 IW393230 SS393230 ACO393230 AMK393230 AWG393230 BGC393230 BPY393230 BZU393230 CJQ393230 CTM393230 DDI393230 DNE393230 DXA393230 EGW393230 EQS393230 FAO393230 FKK393230 FUG393230 GEC393230 GNY393230 GXU393230 HHQ393230 HRM393230 IBI393230 ILE393230 IVA393230 JEW393230 JOS393230 JYO393230 KIK393230 KSG393230 LCC393230 LLY393230 LVU393230 MFQ393230 MPM393230 MZI393230 NJE393230 NTA393230 OCW393230 OMS393230 OWO393230 PGK393230 PQG393230 QAC393230 QJY393230 QTU393230 RDQ393230 RNM393230 RXI393230 SHE393230 SRA393230 TAW393230 TKS393230 TUO393230 UEK393230 UOG393230 UYC393230 VHY393230 VRU393230 WBQ393230 WLM393230 WVI393230 A458766 IW458766 SS458766 ACO458766 AMK458766 AWG458766 BGC458766 BPY458766 BZU458766 CJQ458766 CTM458766 DDI458766 DNE458766 DXA458766 EGW458766 EQS458766 FAO458766 FKK458766 FUG458766 GEC458766 GNY458766 GXU458766 HHQ458766 HRM458766 IBI458766 ILE458766 IVA458766 JEW458766 JOS458766 JYO458766 KIK458766 KSG458766 LCC458766 LLY458766 LVU458766 MFQ458766 MPM458766 MZI458766 NJE458766 NTA458766 OCW458766 OMS458766 OWO458766 PGK458766 PQG458766 QAC458766 QJY458766 QTU458766 RDQ458766 RNM458766 RXI458766 SHE458766 SRA458766 TAW458766 TKS458766 TUO458766 UEK458766 UOG458766 UYC458766 VHY458766 VRU458766 WBQ458766 WLM458766 WVI458766 A524302 IW524302 SS524302 ACO524302 AMK524302 AWG524302 BGC524302 BPY524302 BZU524302 CJQ524302 CTM524302 DDI524302 DNE524302 DXA524302 EGW524302 EQS524302 FAO524302 FKK524302 FUG524302 GEC524302 GNY524302 GXU524302 HHQ524302 HRM524302 IBI524302 ILE524302 IVA524302 JEW524302 JOS524302 JYO524302 KIK524302 KSG524302 LCC524302 LLY524302 LVU524302 MFQ524302 MPM524302 MZI524302 NJE524302 NTA524302 OCW524302 OMS524302 OWO524302 PGK524302 PQG524302 QAC524302 QJY524302 QTU524302 RDQ524302 RNM524302 RXI524302 SHE524302 SRA524302 TAW524302 TKS524302 TUO524302 UEK524302 UOG524302 UYC524302 VHY524302 VRU524302 WBQ524302 WLM524302 WVI524302 A589838 IW589838 SS589838 ACO589838 AMK589838 AWG589838 BGC589838 BPY589838 BZU589838 CJQ589838 CTM589838 DDI589838 DNE589838 DXA589838 EGW589838 EQS589838 FAO589838 FKK589838 FUG589838 GEC589838 GNY589838 GXU589838 HHQ589838 HRM589838 IBI589838 ILE589838 IVA589838 JEW589838 JOS589838 JYO589838 KIK589838 KSG589838 LCC589838 LLY589838 LVU589838 MFQ589838 MPM589838 MZI589838 NJE589838 NTA589838 OCW589838 OMS589838 OWO589838 PGK589838 PQG589838 QAC589838 QJY589838 QTU589838 RDQ589838 RNM589838 RXI589838 SHE589838 SRA589838 TAW589838 TKS589838 TUO589838 UEK589838 UOG589838 UYC589838 VHY589838 VRU589838 WBQ589838 WLM589838 WVI589838 A655374 IW655374 SS655374 ACO655374 AMK655374 AWG655374 BGC655374 BPY655374 BZU655374 CJQ655374 CTM655374 DDI655374 DNE655374 DXA655374 EGW655374 EQS655374 FAO655374 FKK655374 FUG655374 GEC655374 GNY655374 GXU655374 HHQ655374 HRM655374 IBI655374 ILE655374 IVA655374 JEW655374 JOS655374 JYO655374 KIK655374 KSG655374 LCC655374 LLY655374 LVU655374 MFQ655374 MPM655374 MZI655374 NJE655374 NTA655374 OCW655374 OMS655374 OWO655374 PGK655374 PQG655374 QAC655374 QJY655374 QTU655374 RDQ655374 RNM655374 RXI655374 SHE655374 SRA655374 TAW655374 TKS655374 TUO655374 UEK655374 UOG655374 UYC655374 VHY655374 VRU655374 WBQ655374 WLM655374 WVI655374 A720910 IW720910 SS720910 ACO720910 AMK720910 AWG720910 BGC720910 BPY720910 BZU720910 CJQ720910 CTM720910 DDI720910 DNE720910 DXA720910 EGW720910 EQS720910 FAO720910 FKK720910 FUG720910 GEC720910 GNY720910 GXU720910 HHQ720910 HRM720910 IBI720910 ILE720910 IVA720910 JEW720910 JOS720910 JYO720910 KIK720910 KSG720910 LCC720910 LLY720910 LVU720910 MFQ720910 MPM720910 MZI720910 NJE720910 NTA720910 OCW720910 OMS720910 OWO720910 PGK720910 PQG720910 QAC720910 QJY720910 QTU720910 RDQ720910 RNM720910 RXI720910 SHE720910 SRA720910 TAW720910 TKS720910 TUO720910 UEK720910 UOG720910 UYC720910 VHY720910 VRU720910 WBQ720910 WLM720910 WVI720910 A786446 IW786446 SS786446 ACO786446 AMK786446 AWG786446 BGC786446 BPY786446 BZU786446 CJQ786446 CTM786446 DDI786446 DNE786446 DXA786446 EGW786446 EQS786446 FAO786446 FKK786446 FUG786446 GEC786446 GNY786446 GXU786446 HHQ786446 HRM786446 IBI786446 ILE786446 IVA786446 JEW786446 JOS786446 JYO786446 KIK786446 KSG786446 LCC786446 LLY786446 LVU786446 MFQ786446 MPM786446 MZI786446 NJE786446 NTA786446 OCW786446 OMS786446 OWO786446 PGK786446 PQG786446 QAC786446 QJY786446 QTU786446 RDQ786446 RNM786446 RXI786446 SHE786446 SRA786446 TAW786446 TKS786446 TUO786446 UEK786446 UOG786446 UYC786446 VHY786446 VRU786446 WBQ786446 WLM786446 WVI786446 A851982 IW851982 SS851982 ACO851982 AMK851982 AWG851982 BGC851982 BPY851982 BZU851982 CJQ851982 CTM851982 DDI851982 DNE851982 DXA851982 EGW851982 EQS851982 FAO851982 FKK851982 FUG851982 GEC851982 GNY851982 GXU851982 HHQ851982 HRM851982 IBI851982 ILE851982 IVA851982 JEW851982 JOS851982 JYO851982 KIK851982 KSG851982 LCC851982 LLY851982 LVU851982 MFQ851982 MPM851982 MZI851982 NJE851982 NTA851982 OCW851982 OMS851982 OWO851982 PGK851982 PQG851982 QAC851982 QJY851982 QTU851982 RDQ851982 RNM851982 RXI851982 SHE851982 SRA851982 TAW851982 TKS851982 TUO851982 UEK851982 UOG851982 UYC851982 VHY851982 VRU851982 WBQ851982 WLM851982 WVI851982 A917518 IW917518 SS917518 ACO917518 AMK917518 AWG917518 BGC917518 BPY917518 BZU917518 CJQ917518 CTM917518 DDI917518 DNE917518 DXA917518 EGW917518 EQS917518 FAO917518 FKK917518 FUG917518 GEC917518 GNY917518 GXU917518 HHQ917518 HRM917518 IBI917518 ILE917518 IVA917518 JEW917518 JOS917518 JYO917518 KIK917518 KSG917518 LCC917518 LLY917518 LVU917518 MFQ917518 MPM917518 MZI917518 NJE917518 NTA917518 OCW917518 OMS917518 OWO917518 PGK917518 PQG917518 QAC917518 QJY917518 QTU917518 RDQ917518 RNM917518 RXI917518 SHE917518 SRA917518 TAW917518 TKS917518 TUO917518 UEK917518 UOG917518 UYC917518 VHY917518 VRU917518 WBQ917518 WLM917518 WVI917518 A983054 IW983054 SS983054 ACO983054 AMK983054 AWG983054 BGC983054 BPY983054 BZU983054 CJQ983054 CTM983054 DDI983054 DNE983054 DXA983054 EGW983054 EQS983054 FAO983054 FKK983054 FUG983054 GEC983054 GNY983054 GXU983054 HHQ983054 HRM983054 IBI983054 ILE983054 IVA983054 JEW983054 JOS983054 JYO983054 KIK983054 KSG983054 LCC983054 LLY983054 LVU983054 MFQ983054 MPM983054 MZI983054 NJE983054 NTA983054 OCW983054 OMS983054 OWO983054 PGK983054 PQG983054 QAC983054 QJY983054 QTU983054 RDQ983054 RNM983054 RXI983054 SHE983054 SRA983054 TAW983054 TKS983054 TUO983054 UEK983054 UOG983054 UYC983054 VHY983054 VRU983054 WBQ983054 WLM983054 WVI983054 L17:L21 JH17:JH21 TD17:TD21 ACZ17:ACZ21 AMV17:AMV21 AWR17:AWR21 BGN17:BGN21 BQJ17:BQJ21 CAF17:CAF21 CKB17:CKB21 CTX17:CTX21 DDT17:DDT21 DNP17:DNP21 DXL17:DXL21 EHH17:EHH21 ERD17:ERD21 FAZ17:FAZ21 FKV17:FKV21 FUR17:FUR21 GEN17:GEN21 GOJ17:GOJ21 GYF17:GYF21 HIB17:HIB21 HRX17:HRX21 IBT17:IBT21 ILP17:ILP21 IVL17:IVL21 JFH17:JFH21 JPD17:JPD21 JYZ17:JYZ21 KIV17:KIV21 KSR17:KSR21 LCN17:LCN21 LMJ17:LMJ21 LWF17:LWF21 MGB17:MGB21 MPX17:MPX21 MZT17:MZT21 NJP17:NJP21 NTL17:NTL21 ODH17:ODH21 OND17:OND21 OWZ17:OWZ21 PGV17:PGV21 PQR17:PQR21 QAN17:QAN21 QKJ17:QKJ21 QUF17:QUF21 REB17:REB21 RNX17:RNX21 RXT17:RXT21 SHP17:SHP21 SRL17:SRL21 TBH17:TBH21 TLD17:TLD21 TUZ17:TUZ21 UEV17:UEV21 UOR17:UOR21 UYN17:UYN21 VIJ17:VIJ21 VSF17:VSF21 WCB17:WCB21 WLX17:WLX21 WVT17:WVT21 L65553:L65557 JH65553:JH65557 TD65553:TD65557 ACZ65553:ACZ65557 AMV65553:AMV65557 AWR65553:AWR65557 BGN65553:BGN65557 BQJ65553:BQJ65557 CAF65553:CAF65557 CKB65553:CKB65557 CTX65553:CTX65557 DDT65553:DDT65557 DNP65553:DNP65557 DXL65553:DXL65557 EHH65553:EHH65557 ERD65553:ERD65557 FAZ65553:FAZ65557 FKV65553:FKV65557 FUR65553:FUR65557 GEN65553:GEN65557 GOJ65553:GOJ65557 GYF65553:GYF65557 HIB65553:HIB65557 HRX65553:HRX65557 IBT65553:IBT65557 ILP65553:ILP65557 IVL65553:IVL65557 JFH65553:JFH65557 JPD65553:JPD65557 JYZ65553:JYZ65557 KIV65553:KIV65557 KSR65553:KSR65557 LCN65553:LCN65557 LMJ65553:LMJ65557 LWF65553:LWF65557 MGB65553:MGB65557 MPX65553:MPX65557 MZT65553:MZT65557 NJP65553:NJP65557 NTL65553:NTL65557 ODH65553:ODH65557 OND65553:OND65557 OWZ65553:OWZ65557 PGV65553:PGV65557 PQR65553:PQR65557 QAN65553:QAN65557 QKJ65553:QKJ65557 QUF65553:QUF65557 REB65553:REB65557 RNX65553:RNX65557 RXT65553:RXT65557 SHP65553:SHP65557 SRL65553:SRL65557 TBH65553:TBH65557 TLD65553:TLD65557 TUZ65553:TUZ65557 UEV65553:UEV65557 UOR65553:UOR65557 UYN65553:UYN65557 VIJ65553:VIJ65557 VSF65553:VSF65557 WCB65553:WCB65557 WLX65553:WLX65557 WVT65553:WVT65557 L131089:L131093 JH131089:JH131093 TD131089:TD131093 ACZ131089:ACZ131093 AMV131089:AMV131093 AWR131089:AWR131093 BGN131089:BGN131093 BQJ131089:BQJ131093 CAF131089:CAF131093 CKB131089:CKB131093 CTX131089:CTX131093 DDT131089:DDT131093 DNP131089:DNP131093 DXL131089:DXL131093 EHH131089:EHH131093 ERD131089:ERD131093 FAZ131089:FAZ131093 FKV131089:FKV131093 FUR131089:FUR131093 GEN131089:GEN131093 GOJ131089:GOJ131093 GYF131089:GYF131093 HIB131089:HIB131093 HRX131089:HRX131093 IBT131089:IBT131093 ILP131089:ILP131093 IVL131089:IVL131093 JFH131089:JFH131093 JPD131089:JPD131093 JYZ131089:JYZ131093 KIV131089:KIV131093 KSR131089:KSR131093 LCN131089:LCN131093 LMJ131089:LMJ131093 LWF131089:LWF131093 MGB131089:MGB131093 MPX131089:MPX131093 MZT131089:MZT131093 NJP131089:NJP131093 NTL131089:NTL131093 ODH131089:ODH131093 OND131089:OND131093 OWZ131089:OWZ131093 PGV131089:PGV131093 PQR131089:PQR131093 QAN131089:QAN131093 QKJ131089:QKJ131093 QUF131089:QUF131093 REB131089:REB131093 RNX131089:RNX131093 RXT131089:RXT131093 SHP131089:SHP131093 SRL131089:SRL131093 TBH131089:TBH131093 TLD131089:TLD131093 TUZ131089:TUZ131093 UEV131089:UEV131093 UOR131089:UOR131093 UYN131089:UYN131093 VIJ131089:VIJ131093 VSF131089:VSF131093 WCB131089:WCB131093 WLX131089:WLX131093 WVT131089:WVT131093 L196625:L196629 JH196625:JH196629 TD196625:TD196629 ACZ196625:ACZ196629 AMV196625:AMV196629 AWR196625:AWR196629 BGN196625:BGN196629 BQJ196625:BQJ196629 CAF196625:CAF196629 CKB196625:CKB196629 CTX196625:CTX196629 DDT196625:DDT196629 DNP196625:DNP196629 DXL196625:DXL196629 EHH196625:EHH196629 ERD196625:ERD196629 FAZ196625:FAZ196629 FKV196625:FKV196629 FUR196625:FUR196629 GEN196625:GEN196629 GOJ196625:GOJ196629 GYF196625:GYF196629 HIB196625:HIB196629 HRX196625:HRX196629 IBT196625:IBT196629 ILP196625:ILP196629 IVL196625:IVL196629 JFH196625:JFH196629 JPD196625:JPD196629 JYZ196625:JYZ196629 KIV196625:KIV196629 KSR196625:KSR196629 LCN196625:LCN196629 LMJ196625:LMJ196629 LWF196625:LWF196629 MGB196625:MGB196629 MPX196625:MPX196629 MZT196625:MZT196629 NJP196625:NJP196629 NTL196625:NTL196629 ODH196625:ODH196629 OND196625:OND196629 OWZ196625:OWZ196629 PGV196625:PGV196629 PQR196625:PQR196629 QAN196625:QAN196629 QKJ196625:QKJ196629 QUF196625:QUF196629 REB196625:REB196629 RNX196625:RNX196629 RXT196625:RXT196629 SHP196625:SHP196629 SRL196625:SRL196629 TBH196625:TBH196629 TLD196625:TLD196629 TUZ196625:TUZ196629 UEV196625:UEV196629 UOR196625:UOR196629 UYN196625:UYN196629 VIJ196625:VIJ196629 VSF196625:VSF196629 WCB196625:WCB196629 WLX196625:WLX196629 WVT196625:WVT196629 L262161:L262165 JH262161:JH262165 TD262161:TD262165 ACZ262161:ACZ262165 AMV262161:AMV262165 AWR262161:AWR262165 BGN262161:BGN262165 BQJ262161:BQJ262165 CAF262161:CAF262165 CKB262161:CKB262165 CTX262161:CTX262165 DDT262161:DDT262165 DNP262161:DNP262165 DXL262161:DXL262165 EHH262161:EHH262165 ERD262161:ERD262165 FAZ262161:FAZ262165 FKV262161:FKV262165 FUR262161:FUR262165 GEN262161:GEN262165 GOJ262161:GOJ262165 GYF262161:GYF262165 HIB262161:HIB262165 HRX262161:HRX262165 IBT262161:IBT262165 ILP262161:ILP262165 IVL262161:IVL262165 JFH262161:JFH262165 JPD262161:JPD262165 JYZ262161:JYZ262165 KIV262161:KIV262165 KSR262161:KSR262165 LCN262161:LCN262165 LMJ262161:LMJ262165 LWF262161:LWF262165 MGB262161:MGB262165 MPX262161:MPX262165 MZT262161:MZT262165 NJP262161:NJP262165 NTL262161:NTL262165 ODH262161:ODH262165 OND262161:OND262165 OWZ262161:OWZ262165 PGV262161:PGV262165 PQR262161:PQR262165 QAN262161:QAN262165 QKJ262161:QKJ262165 QUF262161:QUF262165 REB262161:REB262165 RNX262161:RNX262165 RXT262161:RXT262165 SHP262161:SHP262165 SRL262161:SRL262165 TBH262161:TBH262165 TLD262161:TLD262165 TUZ262161:TUZ262165 UEV262161:UEV262165 UOR262161:UOR262165 UYN262161:UYN262165 VIJ262161:VIJ262165 VSF262161:VSF262165 WCB262161:WCB262165 WLX262161:WLX262165 WVT262161:WVT262165 L327697:L327701 JH327697:JH327701 TD327697:TD327701 ACZ327697:ACZ327701 AMV327697:AMV327701 AWR327697:AWR327701 BGN327697:BGN327701 BQJ327697:BQJ327701 CAF327697:CAF327701 CKB327697:CKB327701 CTX327697:CTX327701 DDT327697:DDT327701 DNP327697:DNP327701 DXL327697:DXL327701 EHH327697:EHH327701 ERD327697:ERD327701 FAZ327697:FAZ327701 FKV327697:FKV327701 FUR327697:FUR327701 GEN327697:GEN327701 GOJ327697:GOJ327701 GYF327697:GYF327701 HIB327697:HIB327701 HRX327697:HRX327701 IBT327697:IBT327701 ILP327697:ILP327701 IVL327697:IVL327701 JFH327697:JFH327701 JPD327697:JPD327701 JYZ327697:JYZ327701 KIV327697:KIV327701 KSR327697:KSR327701 LCN327697:LCN327701 LMJ327697:LMJ327701 LWF327697:LWF327701 MGB327697:MGB327701 MPX327697:MPX327701 MZT327697:MZT327701 NJP327697:NJP327701 NTL327697:NTL327701 ODH327697:ODH327701 OND327697:OND327701 OWZ327697:OWZ327701 PGV327697:PGV327701 PQR327697:PQR327701 QAN327697:QAN327701 QKJ327697:QKJ327701 QUF327697:QUF327701 REB327697:REB327701 RNX327697:RNX327701 RXT327697:RXT327701 SHP327697:SHP327701 SRL327697:SRL327701 TBH327697:TBH327701 TLD327697:TLD327701 TUZ327697:TUZ327701 UEV327697:UEV327701 UOR327697:UOR327701 UYN327697:UYN327701 VIJ327697:VIJ327701 VSF327697:VSF327701 WCB327697:WCB327701 WLX327697:WLX327701 WVT327697:WVT327701 L393233:L393237 JH393233:JH393237 TD393233:TD393237 ACZ393233:ACZ393237 AMV393233:AMV393237 AWR393233:AWR393237 BGN393233:BGN393237 BQJ393233:BQJ393237 CAF393233:CAF393237 CKB393233:CKB393237 CTX393233:CTX393237 DDT393233:DDT393237 DNP393233:DNP393237 DXL393233:DXL393237 EHH393233:EHH393237 ERD393233:ERD393237 FAZ393233:FAZ393237 FKV393233:FKV393237 FUR393233:FUR393237 GEN393233:GEN393237 GOJ393233:GOJ393237 GYF393233:GYF393237 HIB393233:HIB393237 HRX393233:HRX393237 IBT393233:IBT393237 ILP393233:ILP393237 IVL393233:IVL393237 JFH393233:JFH393237 JPD393233:JPD393237 JYZ393233:JYZ393237 KIV393233:KIV393237 KSR393233:KSR393237 LCN393233:LCN393237 LMJ393233:LMJ393237 LWF393233:LWF393237 MGB393233:MGB393237 MPX393233:MPX393237 MZT393233:MZT393237 NJP393233:NJP393237 NTL393233:NTL393237 ODH393233:ODH393237 OND393233:OND393237 OWZ393233:OWZ393237 PGV393233:PGV393237 PQR393233:PQR393237 QAN393233:QAN393237 QKJ393233:QKJ393237 QUF393233:QUF393237 REB393233:REB393237 RNX393233:RNX393237 RXT393233:RXT393237 SHP393233:SHP393237 SRL393233:SRL393237 TBH393233:TBH393237 TLD393233:TLD393237 TUZ393233:TUZ393237 UEV393233:UEV393237 UOR393233:UOR393237 UYN393233:UYN393237 VIJ393233:VIJ393237 VSF393233:VSF393237 WCB393233:WCB393237 WLX393233:WLX393237 WVT393233:WVT393237 L458769:L458773 JH458769:JH458773 TD458769:TD458773 ACZ458769:ACZ458773 AMV458769:AMV458773 AWR458769:AWR458773 BGN458769:BGN458773 BQJ458769:BQJ458773 CAF458769:CAF458773 CKB458769:CKB458773 CTX458769:CTX458773 DDT458769:DDT458773 DNP458769:DNP458773 DXL458769:DXL458773 EHH458769:EHH458773 ERD458769:ERD458773 FAZ458769:FAZ458773 FKV458769:FKV458773 FUR458769:FUR458773 GEN458769:GEN458773 GOJ458769:GOJ458773 GYF458769:GYF458773 HIB458769:HIB458773 HRX458769:HRX458773 IBT458769:IBT458773 ILP458769:ILP458773 IVL458769:IVL458773 JFH458769:JFH458773 JPD458769:JPD458773 JYZ458769:JYZ458773 KIV458769:KIV458773 KSR458769:KSR458773 LCN458769:LCN458773 LMJ458769:LMJ458773 LWF458769:LWF458773 MGB458769:MGB458773 MPX458769:MPX458773 MZT458769:MZT458773 NJP458769:NJP458773 NTL458769:NTL458773 ODH458769:ODH458773 OND458769:OND458773 OWZ458769:OWZ458773 PGV458769:PGV458773 PQR458769:PQR458773 QAN458769:QAN458773 QKJ458769:QKJ458773 QUF458769:QUF458773 REB458769:REB458773 RNX458769:RNX458773 RXT458769:RXT458773 SHP458769:SHP458773 SRL458769:SRL458773 TBH458769:TBH458773 TLD458769:TLD458773 TUZ458769:TUZ458773 UEV458769:UEV458773 UOR458769:UOR458773 UYN458769:UYN458773 VIJ458769:VIJ458773 VSF458769:VSF458773 WCB458769:WCB458773 WLX458769:WLX458773 WVT458769:WVT458773 L524305:L524309 JH524305:JH524309 TD524305:TD524309 ACZ524305:ACZ524309 AMV524305:AMV524309 AWR524305:AWR524309 BGN524305:BGN524309 BQJ524305:BQJ524309 CAF524305:CAF524309 CKB524305:CKB524309 CTX524305:CTX524309 DDT524305:DDT524309 DNP524305:DNP524309 DXL524305:DXL524309 EHH524305:EHH524309 ERD524305:ERD524309 FAZ524305:FAZ524309 FKV524305:FKV524309 FUR524305:FUR524309 GEN524305:GEN524309 GOJ524305:GOJ524309 GYF524305:GYF524309 HIB524305:HIB524309 HRX524305:HRX524309 IBT524305:IBT524309 ILP524305:ILP524309 IVL524305:IVL524309 JFH524305:JFH524309 JPD524305:JPD524309 JYZ524305:JYZ524309 KIV524305:KIV524309 KSR524305:KSR524309 LCN524305:LCN524309 LMJ524305:LMJ524309 LWF524305:LWF524309 MGB524305:MGB524309 MPX524305:MPX524309 MZT524305:MZT524309 NJP524305:NJP524309 NTL524305:NTL524309 ODH524305:ODH524309 OND524305:OND524309 OWZ524305:OWZ524309 PGV524305:PGV524309 PQR524305:PQR524309 QAN524305:QAN524309 QKJ524305:QKJ524309 QUF524305:QUF524309 REB524305:REB524309 RNX524305:RNX524309 RXT524305:RXT524309 SHP524305:SHP524309 SRL524305:SRL524309 TBH524305:TBH524309 TLD524305:TLD524309 TUZ524305:TUZ524309 UEV524305:UEV524309 UOR524305:UOR524309 UYN524305:UYN524309 VIJ524305:VIJ524309 VSF524305:VSF524309 WCB524305:WCB524309 WLX524305:WLX524309 WVT524305:WVT524309 L589841:L589845 JH589841:JH589845 TD589841:TD589845 ACZ589841:ACZ589845 AMV589841:AMV589845 AWR589841:AWR589845 BGN589841:BGN589845 BQJ589841:BQJ589845 CAF589841:CAF589845 CKB589841:CKB589845 CTX589841:CTX589845 DDT589841:DDT589845 DNP589841:DNP589845 DXL589841:DXL589845 EHH589841:EHH589845 ERD589841:ERD589845 FAZ589841:FAZ589845 FKV589841:FKV589845 FUR589841:FUR589845 GEN589841:GEN589845 GOJ589841:GOJ589845 GYF589841:GYF589845 HIB589841:HIB589845 HRX589841:HRX589845 IBT589841:IBT589845 ILP589841:ILP589845 IVL589841:IVL589845 JFH589841:JFH589845 JPD589841:JPD589845 JYZ589841:JYZ589845 KIV589841:KIV589845 KSR589841:KSR589845 LCN589841:LCN589845 LMJ589841:LMJ589845 LWF589841:LWF589845 MGB589841:MGB589845 MPX589841:MPX589845 MZT589841:MZT589845 NJP589841:NJP589845 NTL589841:NTL589845 ODH589841:ODH589845 OND589841:OND589845 OWZ589841:OWZ589845 PGV589841:PGV589845 PQR589841:PQR589845 QAN589841:QAN589845 QKJ589841:QKJ589845 QUF589841:QUF589845 REB589841:REB589845 RNX589841:RNX589845 RXT589841:RXT589845 SHP589841:SHP589845 SRL589841:SRL589845 TBH589841:TBH589845 TLD589841:TLD589845 TUZ589841:TUZ589845 UEV589841:UEV589845 UOR589841:UOR589845 UYN589841:UYN589845 VIJ589841:VIJ589845 VSF589841:VSF589845 WCB589841:WCB589845 WLX589841:WLX589845 WVT589841:WVT589845 L655377:L655381 JH655377:JH655381 TD655377:TD655381 ACZ655377:ACZ655381 AMV655377:AMV655381 AWR655377:AWR655381 BGN655377:BGN655381 BQJ655377:BQJ655381 CAF655377:CAF655381 CKB655377:CKB655381 CTX655377:CTX655381 DDT655377:DDT655381 DNP655377:DNP655381 DXL655377:DXL655381 EHH655377:EHH655381 ERD655377:ERD655381 FAZ655377:FAZ655381 FKV655377:FKV655381 FUR655377:FUR655381 GEN655377:GEN655381 GOJ655377:GOJ655381 GYF655377:GYF655381 HIB655377:HIB655381 HRX655377:HRX655381 IBT655377:IBT655381 ILP655377:ILP655381 IVL655377:IVL655381 JFH655377:JFH655381 JPD655377:JPD655381 JYZ655377:JYZ655381 KIV655377:KIV655381 KSR655377:KSR655381 LCN655377:LCN655381 LMJ655377:LMJ655381 LWF655377:LWF655381 MGB655377:MGB655381 MPX655377:MPX655381 MZT655377:MZT655381 NJP655377:NJP655381 NTL655377:NTL655381 ODH655377:ODH655381 OND655377:OND655381 OWZ655377:OWZ655381 PGV655377:PGV655381 PQR655377:PQR655381 QAN655377:QAN655381 QKJ655377:QKJ655381 QUF655377:QUF655381 REB655377:REB655381 RNX655377:RNX655381 RXT655377:RXT655381 SHP655377:SHP655381 SRL655377:SRL655381 TBH655377:TBH655381 TLD655377:TLD655381 TUZ655377:TUZ655381 UEV655377:UEV655381 UOR655377:UOR655381 UYN655377:UYN655381 VIJ655377:VIJ655381 VSF655377:VSF655381 WCB655377:WCB655381 WLX655377:WLX655381 WVT655377:WVT655381 L720913:L720917 JH720913:JH720917 TD720913:TD720917 ACZ720913:ACZ720917 AMV720913:AMV720917 AWR720913:AWR720917 BGN720913:BGN720917 BQJ720913:BQJ720917 CAF720913:CAF720917 CKB720913:CKB720917 CTX720913:CTX720917 DDT720913:DDT720917 DNP720913:DNP720917 DXL720913:DXL720917 EHH720913:EHH720917 ERD720913:ERD720917 FAZ720913:FAZ720917 FKV720913:FKV720917 FUR720913:FUR720917 GEN720913:GEN720917 GOJ720913:GOJ720917 GYF720913:GYF720917 HIB720913:HIB720917 HRX720913:HRX720917 IBT720913:IBT720917 ILP720913:ILP720917 IVL720913:IVL720917 JFH720913:JFH720917 JPD720913:JPD720917 JYZ720913:JYZ720917 KIV720913:KIV720917 KSR720913:KSR720917 LCN720913:LCN720917 LMJ720913:LMJ720917 LWF720913:LWF720917 MGB720913:MGB720917 MPX720913:MPX720917 MZT720913:MZT720917 NJP720913:NJP720917 NTL720913:NTL720917 ODH720913:ODH720917 OND720913:OND720917 OWZ720913:OWZ720917 PGV720913:PGV720917 PQR720913:PQR720917 QAN720913:QAN720917 QKJ720913:QKJ720917 QUF720913:QUF720917 REB720913:REB720917 RNX720913:RNX720917 RXT720913:RXT720917 SHP720913:SHP720917 SRL720913:SRL720917 TBH720913:TBH720917 TLD720913:TLD720917 TUZ720913:TUZ720917 UEV720913:UEV720917 UOR720913:UOR720917 UYN720913:UYN720917 VIJ720913:VIJ720917 VSF720913:VSF720917 WCB720913:WCB720917 WLX720913:WLX720917 WVT720913:WVT720917 L786449:L786453 JH786449:JH786453 TD786449:TD786453 ACZ786449:ACZ786453 AMV786449:AMV786453 AWR786449:AWR786453 BGN786449:BGN786453 BQJ786449:BQJ786453 CAF786449:CAF786453 CKB786449:CKB786453 CTX786449:CTX786453 DDT786449:DDT786453 DNP786449:DNP786453 DXL786449:DXL786453 EHH786449:EHH786453 ERD786449:ERD786453 FAZ786449:FAZ786453 FKV786449:FKV786453 FUR786449:FUR786453 GEN786449:GEN786453 GOJ786449:GOJ786453 GYF786449:GYF786453 HIB786449:HIB786453 HRX786449:HRX786453 IBT786449:IBT786453 ILP786449:ILP786453 IVL786449:IVL786453 JFH786449:JFH786453 JPD786449:JPD786453 JYZ786449:JYZ786453 KIV786449:KIV786453 KSR786449:KSR786453 LCN786449:LCN786453 LMJ786449:LMJ786453 LWF786449:LWF786453 MGB786449:MGB786453 MPX786449:MPX786453 MZT786449:MZT786453 NJP786449:NJP786453 NTL786449:NTL786453 ODH786449:ODH786453 OND786449:OND786453 OWZ786449:OWZ786453 PGV786449:PGV786453 PQR786449:PQR786453 QAN786449:QAN786453 QKJ786449:QKJ786453 QUF786449:QUF786453 REB786449:REB786453 RNX786449:RNX786453 RXT786449:RXT786453 SHP786449:SHP786453 SRL786449:SRL786453 TBH786449:TBH786453 TLD786449:TLD786453 TUZ786449:TUZ786453 UEV786449:UEV786453 UOR786449:UOR786453 UYN786449:UYN786453 VIJ786449:VIJ786453 VSF786449:VSF786453 WCB786449:WCB786453 WLX786449:WLX786453 WVT786449:WVT786453 L851985:L851989 JH851985:JH851989 TD851985:TD851989 ACZ851985:ACZ851989 AMV851985:AMV851989 AWR851985:AWR851989 BGN851985:BGN851989 BQJ851985:BQJ851989 CAF851985:CAF851989 CKB851985:CKB851989 CTX851985:CTX851989 DDT851985:DDT851989 DNP851985:DNP851989 DXL851985:DXL851989 EHH851985:EHH851989 ERD851985:ERD851989 FAZ851985:FAZ851989 FKV851985:FKV851989 FUR851985:FUR851989 GEN851985:GEN851989 GOJ851985:GOJ851989 GYF851985:GYF851989 HIB851985:HIB851989 HRX851985:HRX851989 IBT851985:IBT851989 ILP851985:ILP851989 IVL851985:IVL851989 JFH851985:JFH851989 JPD851985:JPD851989 JYZ851985:JYZ851989 KIV851985:KIV851989 KSR851985:KSR851989 LCN851985:LCN851989 LMJ851985:LMJ851989 LWF851985:LWF851989 MGB851985:MGB851989 MPX851985:MPX851989 MZT851985:MZT851989 NJP851985:NJP851989 NTL851985:NTL851989 ODH851985:ODH851989 OND851985:OND851989 OWZ851985:OWZ851989 PGV851985:PGV851989 PQR851985:PQR851989 QAN851985:QAN851989 QKJ851985:QKJ851989 QUF851985:QUF851989 REB851985:REB851989 RNX851985:RNX851989 RXT851985:RXT851989 SHP851985:SHP851989 SRL851985:SRL851989 TBH851985:TBH851989 TLD851985:TLD851989 TUZ851985:TUZ851989 UEV851985:UEV851989 UOR851985:UOR851989 UYN851985:UYN851989 VIJ851985:VIJ851989 VSF851985:VSF851989 WCB851985:WCB851989 WLX851985:WLX851989 WVT851985:WVT851989 L917521:L917525 JH917521:JH917525 TD917521:TD917525 ACZ917521:ACZ917525 AMV917521:AMV917525 AWR917521:AWR917525 BGN917521:BGN917525 BQJ917521:BQJ917525 CAF917521:CAF917525 CKB917521:CKB917525 CTX917521:CTX917525 DDT917521:DDT917525 DNP917521:DNP917525 DXL917521:DXL917525 EHH917521:EHH917525 ERD917521:ERD917525 FAZ917521:FAZ917525 FKV917521:FKV917525 FUR917521:FUR917525 GEN917521:GEN917525 GOJ917521:GOJ917525 GYF917521:GYF917525 HIB917521:HIB917525 HRX917521:HRX917525 IBT917521:IBT917525 ILP917521:ILP917525 IVL917521:IVL917525 JFH917521:JFH917525 JPD917521:JPD917525 JYZ917521:JYZ917525 KIV917521:KIV917525 KSR917521:KSR917525 LCN917521:LCN917525 LMJ917521:LMJ917525 LWF917521:LWF917525 MGB917521:MGB917525 MPX917521:MPX917525 MZT917521:MZT917525 NJP917521:NJP917525 NTL917521:NTL917525 ODH917521:ODH917525 OND917521:OND917525 OWZ917521:OWZ917525 PGV917521:PGV917525 PQR917521:PQR917525 QAN917521:QAN917525 QKJ917521:QKJ917525 QUF917521:QUF917525 REB917521:REB917525 RNX917521:RNX917525 RXT917521:RXT917525 SHP917521:SHP917525 SRL917521:SRL917525 TBH917521:TBH917525 TLD917521:TLD917525 TUZ917521:TUZ917525 UEV917521:UEV917525 UOR917521:UOR917525 UYN917521:UYN917525 VIJ917521:VIJ917525 VSF917521:VSF917525 WCB917521:WCB917525 WLX917521:WLX917525 WVT917521:WVT917525 L983057:L983061 JH983057:JH983061 TD983057:TD983061 ACZ983057:ACZ983061 AMV983057:AMV983061 AWR983057:AWR983061 BGN983057:BGN983061 BQJ983057:BQJ983061 CAF983057:CAF983061 CKB983057:CKB983061 CTX983057:CTX983061 DDT983057:DDT983061 DNP983057:DNP983061 DXL983057:DXL983061 EHH983057:EHH983061 ERD983057:ERD983061 FAZ983057:FAZ983061 FKV983057:FKV983061 FUR983057:FUR983061 GEN983057:GEN983061 GOJ983057:GOJ983061 GYF983057:GYF983061 HIB983057:HIB983061 HRX983057:HRX983061 IBT983057:IBT983061 ILP983057:ILP983061 IVL983057:IVL983061 JFH983057:JFH983061 JPD983057:JPD983061 JYZ983057:JYZ983061 KIV983057:KIV983061 KSR983057:KSR983061 LCN983057:LCN983061 LMJ983057:LMJ983061 LWF983057:LWF983061 MGB983057:MGB983061 MPX983057:MPX983061 MZT983057:MZT983061 NJP983057:NJP983061 NTL983057:NTL983061 ODH983057:ODH983061 OND983057:OND983061 OWZ983057:OWZ983061 PGV983057:PGV983061 PQR983057:PQR983061 QAN983057:QAN983061 QKJ983057:QKJ983061 QUF983057:QUF983061 REB983057:REB983061 RNX983057:RNX983061 RXT983057:RXT983061 SHP983057:SHP983061 SRL983057:SRL983061 TBH983057:TBH983061 TLD983057:TLD983061 TUZ983057:TUZ983061 UEV983057:UEV983061 UOR983057:UOR983061 UYN983057:UYN983061 VIJ983057:VIJ983061 VSF983057:VSF983061 WCB983057:WCB983061 WLX983057:WLX983061 WVT983057:WVT983061 O18 JK18 TG18 ADC18 AMY18 AWU18 BGQ18 BQM18 CAI18 CKE18 CUA18 DDW18 DNS18 DXO18 EHK18 ERG18 FBC18 FKY18 FUU18 GEQ18 GOM18 GYI18 HIE18 HSA18 IBW18 ILS18 IVO18 JFK18 JPG18 JZC18 KIY18 KSU18 LCQ18 LMM18 LWI18 MGE18 MQA18 MZW18 NJS18 NTO18 ODK18 ONG18 OXC18 PGY18 PQU18 QAQ18 QKM18 QUI18 REE18 ROA18 RXW18 SHS18 SRO18 TBK18 TLG18 TVC18 UEY18 UOU18 UYQ18 VIM18 VSI18 WCE18 WMA18 WVW18 O65554 JK65554 TG65554 ADC65554 AMY65554 AWU65554 BGQ65554 BQM65554 CAI65554 CKE65554 CUA65554 DDW65554 DNS65554 DXO65554 EHK65554 ERG65554 FBC65554 FKY65554 FUU65554 GEQ65554 GOM65554 GYI65554 HIE65554 HSA65554 IBW65554 ILS65554 IVO65554 JFK65554 JPG65554 JZC65554 KIY65554 KSU65554 LCQ65554 LMM65554 LWI65554 MGE65554 MQA65554 MZW65554 NJS65554 NTO65554 ODK65554 ONG65554 OXC65554 PGY65554 PQU65554 QAQ65554 QKM65554 QUI65554 REE65554 ROA65554 RXW65554 SHS65554 SRO65554 TBK65554 TLG65554 TVC65554 UEY65554 UOU65554 UYQ65554 VIM65554 VSI65554 WCE65554 WMA65554 WVW65554 O131090 JK131090 TG131090 ADC131090 AMY131090 AWU131090 BGQ131090 BQM131090 CAI131090 CKE131090 CUA131090 DDW131090 DNS131090 DXO131090 EHK131090 ERG131090 FBC131090 FKY131090 FUU131090 GEQ131090 GOM131090 GYI131090 HIE131090 HSA131090 IBW131090 ILS131090 IVO131090 JFK131090 JPG131090 JZC131090 KIY131090 KSU131090 LCQ131090 LMM131090 LWI131090 MGE131090 MQA131090 MZW131090 NJS131090 NTO131090 ODK131090 ONG131090 OXC131090 PGY131090 PQU131090 QAQ131090 QKM131090 QUI131090 REE131090 ROA131090 RXW131090 SHS131090 SRO131090 TBK131090 TLG131090 TVC131090 UEY131090 UOU131090 UYQ131090 VIM131090 VSI131090 WCE131090 WMA131090 WVW131090 O196626 JK196626 TG196626 ADC196626 AMY196626 AWU196626 BGQ196626 BQM196626 CAI196626 CKE196626 CUA196626 DDW196626 DNS196626 DXO196626 EHK196626 ERG196626 FBC196626 FKY196626 FUU196626 GEQ196626 GOM196626 GYI196626 HIE196626 HSA196626 IBW196626 ILS196626 IVO196626 JFK196626 JPG196626 JZC196626 KIY196626 KSU196626 LCQ196626 LMM196626 LWI196626 MGE196626 MQA196626 MZW196626 NJS196626 NTO196626 ODK196626 ONG196626 OXC196626 PGY196626 PQU196626 QAQ196626 QKM196626 QUI196626 REE196626 ROA196626 RXW196626 SHS196626 SRO196626 TBK196626 TLG196626 TVC196626 UEY196626 UOU196626 UYQ196626 VIM196626 VSI196626 WCE196626 WMA196626 WVW196626 O262162 JK262162 TG262162 ADC262162 AMY262162 AWU262162 BGQ262162 BQM262162 CAI262162 CKE262162 CUA262162 DDW262162 DNS262162 DXO262162 EHK262162 ERG262162 FBC262162 FKY262162 FUU262162 GEQ262162 GOM262162 GYI262162 HIE262162 HSA262162 IBW262162 ILS262162 IVO262162 JFK262162 JPG262162 JZC262162 KIY262162 KSU262162 LCQ262162 LMM262162 LWI262162 MGE262162 MQA262162 MZW262162 NJS262162 NTO262162 ODK262162 ONG262162 OXC262162 PGY262162 PQU262162 QAQ262162 QKM262162 QUI262162 REE262162 ROA262162 RXW262162 SHS262162 SRO262162 TBK262162 TLG262162 TVC262162 UEY262162 UOU262162 UYQ262162 VIM262162 VSI262162 WCE262162 WMA262162 WVW262162 O327698 JK327698 TG327698 ADC327698 AMY327698 AWU327698 BGQ327698 BQM327698 CAI327698 CKE327698 CUA327698 DDW327698 DNS327698 DXO327698 EHK327698 ERG327698 FBC327698 FKY327698 FUU327698 GEQ327698 GOM327698 GYI327698 HIE327698 HSA327698 IBW327698 ILS327698 IVO327698 JFK327698 JPG327698 JZC327698 KIY327698 KSU327698 LCQ327698 LMM327698 LWI327698 MGE327698 MQA327698 MZW327698 NJS327698 NTO327698 ODK327698 ONG327698 OXC327698 PGY327698 PQU327698 QAQ327698 QKM327698 QUI327698 REE327698 ROA327698 RXW327698 SHS327698 SRO327698 TBK327698 TLG327698 TVC327698 UEY327698 UOU327698 UYQ327698 VIM327698 VSI327698 WCE327698 WMA327698 WVW327698 O393234 JK393234 TG393234 ADC393234 AMY393234 AWU393234 BGQ393234 BQM393234 CAI393234 CKE393234 CUA393234 DDW393234 DNS393234 DXO393234 EHK393234 ERG393234 FBC393234 FKY393234 FUU393234 GEQ393234 GOM393234 GYI393234 HIE393234 HSA393234 IBW393234 ILS393234 IVO393234 JFK393234 JPG393234 JZC393234 KIY393234 KSU393234 LCQ393234 LMM393234 LWI393234 MGE393234 MQA393234 MZW393234 NJS393234 NTO393234 ODK393234 ONG393234 OXC393234 PGY393234 PQU393234 QAQ393234 QKM393234 QUI393234 REE393234 ROA393234 RXW393234 SHS393234 SRO393234 TBK393234 TLG393234 TVC393234 UEY393234 UOU393234 UYQ393234 VIM393234 VSI393234 WCE393234 WMA393234 WVW393234 O458770 JK458770 TG458770 ADC458770 AMY458770 AWU458770 BGQ458770 BQM458770 CAI458770 CKE458770 CUA458770 DDW458770 DNS458770 DXO458770 EHK458770 ERG458770 FBC458770 FKY458770 FUU458770 GEQ458770 GOM458770 GYI458770 HIE458770 HSA458770 IBW458770 ILS458770 IVO458770 JFK458770 JPG458770 JZC458770 KIY458770 KSU458770 LCQ458770 LMM458770 LWI458770 MGE458770 MQA458770 MZW458770 NJS458770 NTO458770 ODK458770 ONG458770 OXC458770 PGY458770 PQU458770 QAQ458770 QKM458770 QUI458770 REE458770 ROA458770 RXW458770 SHS458770 SRO458770 TBK458770 TLG458770 TVC458770 UEY458770 UOU458770 UYQ458770 VIM458770 VSI458770 WCE458770 WMA458770 WVW458770 O524306 JK524306 TG524306 ADC524306 AMY524306 AWU524306 BGQ524306 BQM524306 CAI524306 CKE524306 CUA524306 DDW524306 DNS524306 DXO524306 EHK524306 ERG524306 FBC524306 FKY524306 FUU524306 GEQ524306 GOM524306 GYI524306 HIE524306 HSA524306 IBW524306 ILS524306 IVO524306 JFK524306 JPG524306 JZC524306 KIY524306 KSU524306 LCQ524306 LMM524306 LWI524306 MGE524306 MQA524306 MZW524306 NJS524306 NTO524306 ODK524306 ONG524306 OXC524306 PGY524306 PQU524306 QAQ524306 QKM524306 QUI524306 REE524306 ROA524306 RXW524306 SHS524306 SRO524306 TBK524306 TLG524306 TVC524306 UEY524306 UOU524306 UYQ524306 VIM524306 VSI524306 WCE524306 WMA524306 WVW524306 O589842 JK589842 TG589842 ADC589842 AMY589842 AWU589842 BGQ589842 BQM589842 CAI589842 CKE589842 CUA589842 DDW589842 DNS589842 DXO589842 EHK589842 ERG589842 FBC589842 FKY589842 FUU589842 GEQ589842 GOM589842 GYI589842 HIE589842 HSA589842 IBW589842 ILS589842 IVO589842 JFK589842 JPG589842 JZC589842 KIY589842 KSU589842 LCQ589842 LMM589842 LWI589842 MGE589842 MQA589842 MZW589842 NJS589842 NTO589842 ODK589842 ONG589842 OXC589842 PGY589842 PQU589842 QAQ589842 QKM589842 QUI589842 REE589842 ROA589842 RXW589842 SHS589842 SRO589842 TBK589842 TLG589842 TVC589842 UEY589842 UOU589842 UYQ589842 VIM589842 VSI589842 WCE589842 WMA589842 WVW589842 O655378 JK655378 TG655378 ADC655378 AMY655378 AWU655378 BGQ655378 BQM655378 CAI655378 CKE655378 CUA655378 DDW655378 DNS655378 DXO655378 EHK655378 ERG655378 FBC655378 FKY655378 FUU655378 GEQ655378 GOM655378 GYI655378 HIE655378 HSA655378 IBW655378 ILS655378 IVO655378 JFK655378 JPG655378 JZC655378 KIY655378 KSU655378 LCQ655378 LMM655378 LWI655378 MGE655378 MQA655378 MZW655378 NJS655378 NTO655378 ODK655378 ONG655378 OXC655378 PGY655378 PQU655378 QAQ655378 QKM655378 QUI655378 REE655378 ROA655378 RXW655378 SHS655378 SRO655378 TBK655378 TLG655378 TVC655378 UEY655378 UOU655378 UYQ655378 VIM655378 VSI655378 WCE655378 WMA655378 WVW655378 O720914 JK720914 TG720914 ADC720914 AMY720914 AWU720914 BGQ720914 BQM720914 CAI720914 CKE720914 CUA720914 DDW720914 DNS720914 DXO720914 EHK720914 ERG720914 FBC720914 FKY720914 FUU720914 GEQ720914 GOM720914 GYI720914 HIE720914 HSA720914 IBW720914 ILS720914 IVO720914 JFK720914 JPG720914 JZC720914 KIY720914 KSU720914 LCQ720914 LMM720914 LWI720914 MGE720914 MQA720914 MZW720914 NJS720914 NTO720914 ODK720914 ONG720914 OXC720914 PGY720914 PQU720914 QAQ720914 QKM720914 QUI720914 REE720914 ROA720914 RXW720914 SHS720914 SRO720914 TBK720914 TLG720914 TVC720914 UEY720914 UOU720914 UYQ720914 VIM720914 VSI720914 WCE720914 WMA720914 WVW720914 O786450 JK786450 TG786450 ADC786450 AMY786450 AWU786450 BGQ786450 BQM786450 CAI786450 CKE786450 CUA786450 DDW786450 DNS786450 DXO786450 EHK786450 ERG786450 FBC786450 FKY786450 FUU786450 GEQ786450 GOM786450 GYI786450 HIE786450 HSA786450 IBW786450 ILS786450 IVO786450 JFK786450 JPG786450 JZC786450 KIY786450 KSU786450 LCQ786450 LMM786450 LWI786450 MGE786450 MQA786450 MZW786450 NJS786450 NTO786450 ODK786450 ONG786450 OXC786450 PGY786450 PQU786450 QAQ786450 QKM786450 QUI786450 REE786450 ROA786450 RXW786450 SHS786450 SRO786450 TBK786450 TLG786450 TVC786450 UEY786450 UOU786450 UYQ786450 VIM786450 VSI786450 WCE786450 WMA786450 WVW786450 O851986 JK851986 TG851986 ADC851986 AMY851986 AWU851986 BGQ851986 BQM851986 CAI851986 CKE851986 CUA851986 DDW851986 DNS851986 DXO851986 EHK851986 ERG851986 FBC851986 FKY851986 FUU851986 GEQ851986 GOM851986 GYI851986 HIE851986 HSA851986 IBW851986 ILS851986 IVO851986 JFK851986 JPG851986 JZC851986 KIY851986 KSU851986 LCQ851986 LMM851986 LWI851986 MGE851986 MQA851986 MZW851986 NJS851986 NTO851986 ODK851986 ONG851986 OXC851986 PGY851986 PQU851986 QAQ851986 QKM851986 QUI851986 REE851986 ROA851986 RXW851986 SHS851986 SRO851986 TBK851986 TLG851986 TVC851986 UEY851986 UOU851986 UYQ851986 VIM851986 VSI851986 WCE851986 WMA851986 WVW851986 O917522 JK917522 TG917522 ADC917522 AMY917522 AWU917522 BGQ917522 BQM917522 CAI917522 CKE917522 CUA917522 DDW917522 DNS917522 DXO917522 EHK917522 ERG917522 FBC917522 FKY917522 FUU917522 GEQ917522 GOM917522 GYI917522 HIE917522 HSA917522 IBW917522 ILS917522 IVO917522 JFK917522 JPG917522 JZC917522 KIY917522 KSU917522 LCQ917522 LMM917522 LWI917522 MGE917522 MQA917522 MZW917522 NJS917522 NTO917522 ODK917522 ONG917522 OXC917522 PGY917522 PQU917522 QAQ917522 QKM917522 QUI917522 REE917522 ROA917522 RXW917522 SHS917522 SRO917522 TBK917522 TLG917522 TVC917522 UEY917522 UOU917522 UYQ917522 VIM917522 VSI917522 WCE917522 WMA917522 WVW917522 O983058 JK983058 TG983058 ADC983058 AMY983058 AWU983058 BGQ983058 BQM983058 CAI983058 CKE983058 CUA983058 DDW983058 DNS983058 DXO983058 EHK983058 ERG983058 FBC983058 FKY983058 FUU983058 GEQ983058 GOM983058 GYI983058 HIE983058 HSA983058 IBW983058 ILS983058 IVO983058 JFK983058 JPG983058 JZC983058 KIY983058 KSU983058 LCQ983058 LMM983058 LWI983058 MGE983058 MQA983058 MZW983058 NJS983058 NTO983058 ODK983058 ONG983058 OXC983058 PGY983058 PQU983058 QAQ983058 QKM983058 QUI983058 REE983058 ROA983058 RXW983058 SHS983058 SRO983058 TBK983058 TLG983058 TVC983058 UEY983058 UOU983058 UYQ983058 VIM983058 VSI983058 WCE983058 WMA983058 WVW983058 R18 JN18 TJ18 ADF18 ANB18 AWX18 BGT18 BQP18 CAL18 CKH18 CUD18 DDZ18 DNV18 DXR18 EHN18 ERJ18 FBF18 FLB18 FUX18 GET18 GOP18 GYL18 HIH18 HSD18 IBZ18 ILV18 IVR18 JFN18 JPJ18 JZF18 KJB18 KSX18 LCT18 LMP18 LWL18 MGH18 MQD18 MZZ18 NJV18 NTR18 ODN18 ONJ18 OXF18 PHB18 PQX18 QAT18 QKP18 QUL18 REH18 ROD18 RXZ18 SHV18 SRR18 TBN18 TLJ18 TVF18 UFB18 UOX18 UYT18 VIP18 VSL18 WCH18 WMD18 WVZ18 R65554 JN65554 TJ65554 ADF65554 ANB65554 AWX65554 BGT65554 BQP65554 CAL65554 CKH65554 CUD65554 DDZ65554 DNV65554 DXR65554 EHN65554 ERJ65554 FBF65554 FLB65554 FUX65554 GET65554 GOP65554 GYL65554 HIH65554 HSD65554 IBZ65554 ILV65554 IVR65554 JFN65554 JPJ65554 JZF65554 KJB65554 KSX65554 LCT65554 LMP65554 LWL65554 MGH65554 MQD65554 MZZ65554 NJV65554 NTR65554 ODN65554 ONJ65554 OXF65554 PHB65554 PQX65554 QAT65554 QKP65554 QUL65554 REH65554 ROD65554 RXZ65554 SHV65554 SRR65554 TBN65554 TLJ65554 TVF65554 UFB65554 UOX65554 UYT65554 VIP65554 VSL65554 WCH65554 WMD65554 WVZ65554 R131090 JN131090 TJ131090 ADF131090 ANB131090 AWX131090 BGT131090 BQP131090 CAL131090 CKH131090 CUD131090 DDZ131090 DNV131090 DXR131090 EHN131090 ERJ131090 FBF131090 FLB131090 FUX131090 GET131090 GOP131090 GYL131090 HIH131090 HSD131090 IBZ131090 ILV131090 IVR131090 JFN131090 JPJ131090 JZF131090 KJB131090 KSX131090 LCT131090 LMP131090 LWL131090 MGH131090 MQD131090 MZZ131090 NJV131090 NTR131090 ODN131090 ONJ131090 OXF131090 PHB131090 PQX131090 QAT131090 QKP131090 QUL131090 REH131090 ROD131090 RXZ131090 SHV131090 SRR131090 TBN131090 TLJ131090 TVF131090 UFB131090 UOX131090 UYT131090 VIP131090 VSL131090 WCH131090 WMD131090 WVZ131090 R196626 JN196626 TJ196626 ADF196626 ANB196626 AWX196626 BGT196626 BQP196626 CAL196626 CKH196626 CUD196626 DDZ196626 DNV196626 DXR196626 EHN196626 ERJ196626 FBF196626 FLB196626 FUX196626 GET196626 GOP196626 GYL196626 HIH196626 HSD196626 IBZ196626 ILV196626 IVR196626 JFN196626 JPJ196626 JZF196626 KJB196626 KSX196626 LCT196626 LMP196626 LWL196626 MGH196626 MQD196626 MZZ196626 NJV196626 NTR196626 ODN196626 ONJ196626 OXF196626 PHB196626 PQX196626 QAT196626 QKP196626 QUL196626 REH196626 ROD196626 RXZ196626 SHV196626 SRR196626 TBN196626 TLJ196626 TVF196626 UFB196626 UOX196626 UYT196626 VIP196626 VSL196626 WCH196626 WMD196626 WVZ196626 R262162 JN262162 TJ262162 ADF262162 ANB262162 AWX262162 BGT262162 BQP262162 CAL262162 CKH262162 CUD262162 DDZ262162 DNV262162 DXR262162 EHN262162 ERJ262162 FBF262162 FLB262162 FUX262162 GET262162 GOP262162 GYL262162 HIH262162 HSD262162 IBZ262162 ILV262162 IVR262162 JFN262162 JPJ262162 JZF262162 KJB262162 KSX262162 LCT262162 LMP262162 LWL262162 MGH262162 MQD262162 MZZ262162 NJV262162 NTR262162 ODN262162 ONJ262162 OXF262162 PHB262162 PQX262162 QAT262162 QKP262162 QUL262162 REH262162 ROD262162 RXZ262162 SHV262162 SRR262162 TBN262162 TLJ262162 TVF262162 UFB262162 UOX262162 UYT262162 VIP262162 VSL262162 WCH262162 WMD262162 WVZ262162 R327698 JN327698 TJ327698 ADF327698 ANB327698 AWX327698 BGT327698 BQP327698 CAL327698 CKH327698 CUD327698 DDZ327698 DNV327698 DXR327698 EHN327698 ERJ327698 FBF327698 FLB327698 FUX327698 GET327698 GOP327698 GYL327698 HIH327698 HSD327698 IBZ327698 ILV327698 IVR327698 JFN327698 JPJ327698 JZF327698 KJB327698 KSX327698 LCT327698 LMP327698 LWL327698 MGH327698 MQD327698 MZZ327698 NJV327698 NTR327698 ODN327698 ONJ327698 OXF327698 PHB327698 PQX327698 QAT327698 QKP327698 QUL327698 REH327698 ROD327698 RXZ327698 SHV327698 SRR327698 TBN327698 TLJ327698 TVF327698 UFB327698 UOX327698 UYT327698 VIP327698 VSL327698 WCH327698 WMD327698 WVZ327698 R393234 JN393234 TJ393234 ADF393234 ANB393234 AWX393234 BGT393234 BQP393234 CAL393234 CKH393234 CUD393234 DDZ393234 DNV393234 DXR393234 EHN393234 ERJ393234 FBF393234 FLB393234 FUX393234 GET393234 GOP393234 GYL393234 HIH393234 HSD393234 IBZ393234 ILV393234 IVR393234 JFN393234 JPJ393234 JZF393234 KJB393234 KSX393234 LCT393234 LMP393234 LWL393234 MGH393234 MQD393234 MZZ393234 NJV393234 NTR393234 ODN393234 ONJ393234 OXF393234 PHB393234 PQX393234 QAT393234 QKP393234 QUL393234 REH393234 ROD393234 RXZ393234 SHV393234 SRR393234 TBN393234 TLJ393234 TVF393234 UFB393234 UOX393234 UYT393234 VIP393234 VSL393234 WCH393234 WMD393234 WVZ393234 R458770 JN458770 TJ458770 ADF458770 ANB458770 AWX458770 BGT458770 BQP458770 CAL458770 CKH458770 CUD458770 DDZ458770 DNV458770 DXR458770 EHN458770 ERJ458770 FBF458770 FLB458770 FUX458770 GET458770 GOP458770 GYL458770 HIH458770 HSD458770 IBZ458770 ILV458770 IVR458770 JFN458770 JPJ458770 JZF458770 KJB458770 KSX458770 LCT458770 LMP458770 LWL458770 MGH458770 MQD458770 MZZ458770 NJV458770 NTR458770 ODN458770 ONJ458770 OXF458770 PHB458770 PQX458770 QAT458770 QKP458770 QUL458770 REH458770 ROD458770 RXZ458770 SHV458770 SRR458770 TBN458770 TLJ458770 TVF458770 UFB458770 UOX458770 UYT458770 VIP458770 VSL458770 WCH458770 WMD458770 WVZ458770 R524306 JN524306 TJ524306 ADF524306 ANB524306 AWX524306 BGT524306 BQP524306 CAL524306 CKH524306 CUD524306 DDZ524306 DNV524306 DXR524306 EHN524306 ERJ524306 FBF524306 FLB524306 FUX524306 GET524306 GOP524306 GYL524306 HIH524306 HSD524306 IBZ524306 ILV524306 IVR524306 JFN524306 JPJ524306 JZF524306 KJB524306 KSX524306 LCT524306 LMP524306 LWL524306 MGH524306 MQD524306 MZZ524306 NJV524306 NTR524306 ODN524306 ONJ524306 OXF524306 PHB524306 PQX524306 QAT524306 QKP524306 QUL524306 REH524306 ROD524306 RXZ524306 SHV524306 SRR524306 TBN524306 TLJ524306 TVF524306 UFB524306 UOX524306 UYT524306 VIP524306 VSL524306 WCH524306 WMD524306 WVZ524306 R589842 JN589842 TJ589842 ADF589842 ANB589842 AWX589842 BGT589842 BQP589842 CAL589842 CKH589842 CUD589842 DDZ589842 DNV589842 DXR589842 EHN589842 ERJ589842 FBF589842 FLB589842 FUX589842 GET589842 GOP589842 GYL589842 HIH589842 HSD589842 IBZ589842 ILV589842 IVR589842 JFN589842 JPJ589842 JZF589842 KJB589842 KSX589842 LCT589842 LMP589842 LWL589842 MGH589842 MQD589842 MZZ589842 NJV589842 NTR589842 ODN589842 ONJ589842 OXF589842 PHB589842 PQX589842 QAT589842 QKP589842 QUL589842 REH589842 ROD589842 RXZ589842 SHV589842 SRR589842 TBN589842 TLJ589842 TVF589842 UFB589842 UOX589842 UYT589842 VIP589842 VSL589842 WCH589842 WMD589842 WVZ589842 R655378 JN655378 TJ655378 ADF655378 ANB655378 AWX655378 BGT655378 BQP655378 CAL655378 CKH655378 CUD655378 DDZ655378 DNV655378 DXR655378 EHN655378 ERJ655378 FBF655378 FLB655378 FUX655378 GET655378 GOP655378 GYL655378 HIH655378 HSD655378 IBZ655378 ILV655378 IVR655378 JFN655378 JPJ655378 JZF655378 KJB655378 KSX655378 LCT655378 LMP655378 LWL655378 MGH655378 MQD655378 MZZ655378 NJV655378 NTR655378 ODN655378 ONJ655378 OXF655378 PHB655378 PQX655378 QAT655378 QKP655378 QUL655378 REH655378 ROD655378 RXZ655378 SHV655378 SRR655378 TBN655378 TLJ655378 TVF655378 UFB655378 UOX655378 UYT655378 VIP655378 VSL655378 WCH655378 WMD655378 WVZ655378 R720914 JN720914 TJ720914 ADF720914 ANB720914 AWX720914 BGT720914 BQP720914 CAL720914 CKH720914 CUD720914 DDZ720914 DNV720914 DXR720914 EHN720914 ERJ720914 FBF720914 FLB720914 FUX720914 GET720914 GOP720914 GYL720914 HIH720914 HSD720914 IBZ720914 ILV720914 IVR720914 JFN720914 JPJ720914 JZF720914 KJB720914 KSX720914 LCT720914 LMP720914 LWL720914 MGH720914 MQD720914 MZZ720914 NJV720914 NTR720914 ODN720914 ONJ720914 OXF720914 PHB720914 PQX720914 QAT720914 QKP720914 QUL720914 REH720914 ROD720914 RXZ720914 SHV720914 SRR720914 TBN720914 TLJ720914 TVF720914 UFB720914 UOX720914 UYT720914 VIP720914 VSL720914 WCH720914 WMD720914 WVZ720914 R786450 JN786450 TJ786450 ADF786450 ANB786450 AWX786450 BGT786450 BQP786450 CAL786450 CKH786450 CUD786450 DDZ786450 DNV786450 DXR786450 EHN786450 ERJ786450 FBF786450 FLB786450 FUX786450 GET786450 GOP786450 GYL786450 HIH786450 HSD786450 IBZ786450 ILV786450 IVR786450 JFN786450 JPJ786450 JZF786450 KJB786450 KSX786450 LCT786450 LMP786450 LWL786450 MGH786450 MQD786450 MZZ786450 NJV786450 NTR786450 ODN786450 ONJ786450 OXF786450 PHB786450 PQX786450 QAT786450 QKP786450 QUL786450 REH786450 ROD786450 RXZ786450 SHV786450 SRR786450 TBN786450 TLJ786450 TVF786450 UFB786450 UOX786450 UYT786450 VIP786450 VSL786450 WCH786450 WMD786450 WVZ786450 R851986 JN851986 TJ851986 ADF851986 ANB851986 AWX851986 BGT851986 BQP851986 CAL851986 CKH851986 CUD851986 DDZ851986 DNV851986 DXR851986 EHN851986 ERJ851986 FBF851986 FLB851986 FUX851986 GET851986 GOP851986 GYL851986 HIH851986 HSD851986 IBZ851986 ILV851986 IVR851986 JFN851986 JPJ851986 JZF851986 KJB851986 KSX851986 LCT851986 LMP851986 LWL851986 MGH851986 MQD851986 MZZ851986 NJV851986 NTR851986 ODN851986 ONJ851986 OXF851986 PHB851986 PQX851986 QAT851986 QKP851986 QUL851986 REH851986 ROD851986 RXZ851986 SHV851986 SRR851986 TBN851986 TLJ851986 TVF851986 UFB851986 UOX851986 UYT851986 VIP851986 VSL851986 WCH851986 WMD851986 WVZ851986 R917522 JN917522 TJ917522 ADF917522 ANB917522 AWX917522 BGT917522 BQP917522 CAL917522 CKH917522 CUD917522 DDZ917522 DNV917522 DXR917522 EHN917522 ERJ917522 FBF917522 FLB917522 FUX917522 GET917522 GOP917522 GYL917522 HIH917522 HSD917522 IBZ917522 ILV917522 IVR917522 JFN917522 JPJ917522 JZF917522 KJB917522 KSX917522 LCT917522 LMP917522 LWL917522 MGH917522 MQD917522 MZZ917522 NJV917522 NTR917522 ODN917522 ONJ917522 OXF917522 PHB917522 PQX917522 QAT917522 QKP917522 QUL917522 REH917522 ROD917522 RXZ917522 SHV917522 SRR917522 TBN917522 TLJ917522 TVF917522 UFB917522 UOX917522 UYT917522 VIP917522 VSL917522 WCH917522 WMD917522 WVZ917522 R983058 JN983058 TJ983058 ADF983058 ANB983058 AWX983058 BGT983058 BQP983058 CAL983058 CKH983058 CUD983058 DDZ983058 DNV983058 DXR983058 EHN983058 ERJ983058 FBF983058 FLB983058 FUX983058 GET983058 GOP983058 GYL983058 HIH983058 HSD983058 IBZ983058 ILV983058 IVR983058 JFN983058 JPJ983058 JZF983058 KJB983058 KSX983058 LCT983058 LMP983058 LWL983058 MGH983058 MQD983058 MZZ983058 NJV983058 NTR983058 ODN983058 ONJ983058 OXF983058 PHB983058 PQX983058 QAT983058 QKP983058 QUL983058 REH983058 ROD983058 RXZ983058 SHV983058 SRR983058 TBN983058 TLJ983058 TVF983058 UFB983058 UOX983058 UYT983058 VIP983058 VSL983058 WCH983058 WMD983058 WVZ983058 U18 JQ18 TM18 ADI18 ANE18 AXA18 BGW18 BQS18 CAO18 CKK18 CUG18 DEC18 DNY18 DXU18 EHQ18 ERM18 FBI18 FLE18 FVA18 GEW18 GOS18 GYO18 HIK18 HSG18 ICC18 ILY18 IVU18 JFQ18 JPM18 JZI18 KJE18 KTA18 LCW18 LMS18 LWO18 MGK18 MQG18 NAC18 NJY18 NTU18 ODQ18 ONM18 OXI18 PHE18 PRA18 QAW18 QKS18 QUO18 REK18 ROG18 RYC18 SHY18 SRU18 TBQ18 TLM18 TVI18 UFE18 UPA18 UYW18 VIS18 VSO18 WCK18 WMG18 WWC18 U65554 JQ65554 TM65554 ADI65554 ANE65554 AXA65554 BGW65554 BQS65554 CAO65554 CKK65554 CUG65554 DEC65554 DNY65554 DXU65554 EHQ65554 ERM65554 FBI65554 FLE65554 FVA65554 GEW65554 GOS65554 GYO65554 HIK65554 HSG65554 ICC65554 ILY65554 IVU65554 JFQ65554 JPM65554 JZI65554 KJE65554 KTA65554 LCW65554 LMS65554 LWO65554 MGK65554 MQG65554 NAC65554 NJY65554 NTU65554 ODQ65554 ONM65554 OXI65554 PHE65554 PRA65554 QAW65554 QKS65554 QUO65554 REK65554 ROG65554 RYC65554 SHY65554 SRU65554 TBQ65554 TLM65554 TVI65554 UFE65554 UPA65554 UYW65554 VIS65554 VSO65554 WCK65554 WMG65554 WWC65554 U131090 JQ131090 TM131090 ADI131090 ANE131090 AXA131090 BGW131090 BQS131090 CAO131090 CKK131090 CUG131090 DEC131090 DNY131090 DXU131090 EHQ131090 ERM131090 FBI131090 FLE131090 FVA131090 GEW131090 GOS131090 GYO131090 HIK131090 HSG131090 ICC131090 ILY131090 IVU131090 JFQ131090 JPM131090 JZI131090 KJE131090 KTA131090 LCW131090 LMS131090 LWO131090 MGK131090 MQG131090 NAC131090 NJY131090 NTU131090 ODQ131090 ONM131090 OXI131090 PHE131090 PRA131090 QAW131090 QKS131090 QUO131090 REK131090 ROG131090 RYC131090 SHY131090 SRU131090 TBQ131090 TLM131090 TVI131090 UFE131090 UPA131090 UYW131090 VIS131090 VSO131090 WCK131090 WMG131090 WWC131090 U196626 JQ196626 TM196626 ADI196626 ANE196626 AXA196626 BGW196626 BQS196626 CAO196626 CKK196626 CUG196626 DEC196626 DNY196626 DXU196626 EHQ196626 ERM196626 FBI196626 FLE196626 FVA196626 GEW196626 GOS196626 GYO196626 HIK196626 HSG196626 ICC196626 ILY196626 IVU196626 JFQ196626 JPM196626 JZI196626 KJE196626 KTA196626 LCW196626 LMS196626 LWO196626 MGK196626 MQG196626 NAC196626 NJY196626 NTU196626 ODQ196626 ONM196626 OXI196626 PHE196626 PRA196626 QAW196626 QKS196626 QUO196626 REK196626 ROG196626 RYC196626 SHY196626 SRU196626 TBQ196626 TLM196626 TVI196626 UFE196626 UPA196626 UYW196626 VIS196626 VSO196626 WCK196626 WMG196626 WWC196626 U262162 JQ262162 TM262162 ADI262162 ANE262162 AXA262162 BGW262162 BQS262162 CAO262162 CKK262162 CUG262162 DEC262162 DNY262162 DXU262162 EHQ262162 ERM262162 FBI262162 FLE262162 FVA262162 GEW262162 GOS262162 GYO262162 HIK262162 HSG262162 ICC262162 ILY262162 IVU262162 JFQ262162 JPM262162 JZI262162 KJE262162 KTA262162 LCW262162 LMS262162 LWO262162 MGK262162 MQG262162 NAC262162 NJY262162 NTU262162 ODQ262162 ONM262162 OXI262162 PHE262162 PRA262162 QAW262162 QKS262162 QUO262162 REK262162 ROG262162 RYC262162 SHY262162 SRU262162 TBQ262162 TLM262162 TVI262162 UFE262162 UPA262162 UYW262162 VIS262162 VSO262162 WCK262162 WMG262162 WWC262162 U327698 JQ327698 TM327698 ADI327698 ANE327698 AXA327698 BGW327698 BQS327698 CAO327698 CKK327698 CUG327698 DEC327698 DNY327698 DXU327698 EHQ327698 ERM327698 FBI327698 FLE327698 FVA327698 GEW327698 GOS327698 GYO327698 HIK327698 HSG327698 ICC327698 ILY327698 IVU327698 JFQ327698 JPM327698 JZI327698 KJE327698 KTA327698 LCW327698 LMS327698 LWO327698 MGK327698 MQG327698 NAC327698 NJY327698 NTU327698 ODQ327698 ONM327698 OXI327698 PHE327698 PRA327698 QAW327698 QKS327698 QUO327698 REK327698 ROG327698 RYC327698 SHY327698 SRU327698 TBQ327698 TLM327698 TVI327698 UFE327698 UPA327698 UYW327698 VIS327698 VSO327698 WCK327698 WMG327698 WWC327698 U393234 JQ393234 TM393234 ADI393234 ANE393234 AXA393234 BGW393234 BQS393234 CAO393234 CKK393234 CUG393234 DEC393234 DNY393234 DXU393234 EHQ393234 ERM393234 FBI393234 FLE393234 FVA393234 GEW393234 GOS393234 GYO393234 HIK393234 HSG393234 ICC393234 ILY393234 IVU393234 JFQ393234 JPM393234 JZI393234 KJE393234 KTA393234 LCW393234 LMS393234 LWO393234 MGK393234 MQG393234 NAC393234 NJY393234 NTU393234 ODQ393234 ONM393234 OXI393234 PHE393234 PRA393234 QAW393234 QKS393234 QUO393234 REK393234 ROG393234 RYC393234 SHY393234 SRU393234 TBQ393234 TLM393234 TVI393234 UFE393234 UPA393234 UYW393234 VIS393234 VSO393234 WCK393234 WMG393234 WWC393234 U458770 JQ458770 TM458770 ADI458770 ANE458770 AXA458770 BGW458770 BQS458770 CAO458770 CKK458770 CUG458770 DEC458770 DNY458770 DXU458770 EHQ458770 ERM458770 FBI458770 FLE458770 FVA458770 GEW458770 GOS458770 GYO458770 HIK458770 HSG458770 ICC458770 ILY458770 IVU458770 JFQ458770 JPM458770 JZI458770 KJE458770 KTA458770 LCW458770 LMS458770 LWO458770 MGK458770 MQG458770 NAC458770 NJY458770 NTU458770 ODQ458770 ONM458770 OXI458770 PHE458770 PRA458770 QAW458770 QKS458770 QUO458770 REK458770 ROG458770 RYC458770 SHY458770 SRU458770 TBQ458770 TLM458770 TVI458770 UFE458770 UPA458770 UYW458770 VIS458770 VSO458770 WCK458770 WMG458770 WWC458770 U524306 JQ524306 TM524306 ADI524306 ANE524306 AXA524306 BGW524306 BQS524306 CAO524306 CKK524306 CUG524306 DEC524306 DNY524306 DXU524306 EHQ524306 ERM524306 FBI524306 FLE524306 FVA524306 GEW524306 GOS524306 GYO524306 HIK524306 HSG524306 ICC524306 ILY524306 IVU524306 JFQ524306 JPM524306 JZI524306 KJE524306 KTA524306 LCW524306 LMS524306 LWO524306 MGK524306 MQG524306 NAC524306 NJY524306 NTU524306 ODQ524306 ONM524306 OXI524306 PHE524306 PRA524306 QAW524306 QKS524306 QUO524306 REK524306 ROG524306 RYC524306 SHY524306 SRU524306 TBQ524306 TLM524306 TVI524306 UFE524306 UPA524306 UYW524306 VIS524306 VSO524306 WCK524306 WMG524306 WWC524306 U589842 JQ589842 TM589842 ADI589842 ANE589842 AXA589842 BGW589842 BQS589842 CAO589842 CKK589842 CUG589842 DEC589842 DNY589842 DXU589842 EHQ589842 ERM589842 FBI589842 FLE589842 FVA589842 GEW589842 GOS589842 GYO589842 HIK589842 HSG589842 ICC589842 ILY589842 IVU589842 JFQ589842 JPM589842 JZI589842 KJE589842 KTA589842 LCW589842 LMS589842 LWO589842 MGK589842 MQG589842 NAC589842 NJY589842 NTU589842 ODQ589842 ONM589842 OXI589842 PHE589842 PRA589842 QAW589842 QKS589842 QUO589842 REK589842 ROG589842 RYC589842 SHY589842 SRU589842 TBQ589842 TLM589842 TVI589842 UFE589842 UPA589842 UYW589842 VIS589842 VSO589842 WCK589842 WMG589842 WWC589842 U655378 JQ655378 TM655378 ADI655378 ANE655378 AXA655378 BGW655378 BQS655378 CAO655378 CKK655378 CUG655378 DEC655378 DNY655378 DXU655378 EHQ655378 ERM655378 FBI655378 FLE655378 FVA655378 GEW655378 GOS655378 GYO655378 HIK655378 HSG655378 ICC655378 ILY655378 IVU655378 JFQ655378 JPM655378 JZI655378 KJE655378 KTA655378 LCW655378 LMS655378 LWO655378 MGK655378 MQG655378 NAC655378 NJY655378 NTU655378 ODQ655378 ONM655378 OXI655378 PHE655378 PRA655378 QAW655378 QKS655378 QUO655378 REK655378 ROG655378 RYC655378 SHY655378 SRU655378 TBQ655378 TLM655378 TVI655378 UFE655378 UPA655378 UYW655378 VIS655378 VSO655378 WCK655378 WMG655378 WWC655378 U720914 JQ720914 TM720914 ADI720914 ANE720914 AXA720914 BGW720914 BQS720914 CAO720914 CKK720914 CUG720914 DEC720914 DNY720914 DXU720914 EHQ720914 ERM720914 FBI720914 FLE720914 FVA720914 GEW720914 GOS720914 GYO720914 HIK720914 HSG720914 ICC720914 ILY720914 IVU720914 JFQ720914 JPM720914 JZI720914 KJE720914 KTA720914 LCW720914 LMS720914 LWO720914 MGK720914 MQG720914 NAC720914 NJY720914 NTU720914 ODQ720914 ONM720914 OXI720914 PHE720914 PRA720914 QAW720914 QKS720914 QUO720914 REK720914 ROG720914 RYC720914 SHY720914 SRU720914 TBQ720914 TLM720914 TVI720914 UFE720914 UPA720914 UYW720914 VIS720914 VSO720914 WCK720914 WMG720914 WWC720914 U786450 JQ786450 TM786450 ADI786450 ANE786450 AXA786450 BGW786450 BQS786450 CAO786450 CKK786450 CUG786450 DEC786450 DNY786450 DXU786450 EHQ786450 ERM786450 FBI786450 FLE786450 FVA786450 GEW786450 GOS786450 GYO786450 HIK786450 HSG786450 ICC786450 ILY786450 IVU786450 JFQ786450 JPM786450 JZI786450 KJE786450 KTA786450 LCW786450 LMS786450 LWO786450 MGK786450 MQG786450 NAC786450 NJY786450 NTU786450 ODQ786450 ONM786450 OXI786450 PHE786450 PRA786450 QAW786450 QKS786450 QUO786450 REK786450 ROG786450 RYC786450 SHY786450 SRU786450 TBQ786450 TLM786450 TVI786450 UFE786450 UPA786450 UYW786450 VIS786450 VSO786450 WCK786450 WMG786450 WWC786450 U851986 JQ851986 TM851986 ADI851986 ANE851986 AXA851986 BGW851986 BQS851986 CAO851986 CKK851986 CUG851986 DEC851986 DNY851986 DXU851986 EHQ851986 ERM851986 FBI851986 FLE851986 FVA851986 GEW851986 GOS851986 GYO851986 HIK851986 HSG851986 ICC851986 ILY851986 IVU851986 JFQ851986 JPM851986 JZI851986 KJE851986 KTA851986 LCW851986 LMS851986 LWO851986 MGK851986 MQG851986 NAC851986 NJY851986 NTU851986 ODQ851986 ONM851986 OXI851986 PHE851986 PRA851986 QAW851986 QKS851986 QUO851986 REK851986 ROG851986 RYC851986 SHY851986 SRU851986 TBQ851986 TLM851986 TVI851986 UFE851986 UPA851986 UYW851986 VIS851986 VSO851986 WCK851986 WMG851986 WWC851986 U917522 JQ917522 TM917522 ADI917522 ANE917522 AXA917522 BGW917522 BQS917522 CAO917522 CKK917522 CUG917522 DEC917522 DNY917522 DXU917522 EHQ917522 ERM917522 FBI917522 FLE917522 FVA917522 GEW917522 GOS917522 GYO917522 HIK917522 HSG917522 ICC917522 ILY917522 IVU917522 JFQ917522 JPM917522 JZI917522 KJE917522 KTA917522 LCW917522 LMS917522 LWO917522 MGK917522 MQG917522 NAC917522 NJY917522 NTU917522 ODQ917522 ONM917522 OXI917522 PHE917522 PRA917522 QAW917522 QKS917522 QUO917522 REK917522 ROG917522 RYC917522 SHY917522 SRU917522 TBQ917522 TLM917522 TVI917522 UFE917522 UPA917522 UYW917522 VIS917522 VSO917522 WCK917522 WMG917522 WWC917522 U983058 JQ983058 TM983058 ADI983058 ANE983058 AXA983058 BGW983058 BQS983058 CAO983058 CKK983058 CUG983058 DEC983058 DNY983058 DXU983058 EHQ983058 ERM983058 FBI983058 FLE983058 FVA983058 GEW983058 GOS983058 GYO983058 HIK983058 HSG983058 ICC983058 ILY983058 IVU983058 JFQ983058 JPM983058 JZI983058 KJE983058 KTA983058 LCW983058 LMS983058 LWO983058 MGK983058 MQG983058 NAC983058 NJY983058 NTU983058 ODQ983058 ONM983058 OXI983058 PHE983058 PRA983058 QAW983058 QKS983058 QUO983058 REK983058 ROG983058 RYC983058 SHY983058 SRU983058 TBQ983058 TLM983058 TVI983058 UFE983058 UPA983058 UYW983058 VIS983058 VSO983058 WCK983058 WMG983058 WWC98305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C0AC5C0-6FAD-40EB-A484-15B4C70B95C8}">
  <sheetPr>
    <pageSetUpPr fitToPage="1"/>
  </sheetPr>
  <dimension ref="A1:S76"/>
  <sheetViews>
    <sheetView view="pageBreakPreview" zoomScale="70" zoomScaleNormal="100" zoomScaleSheetLayoutView="70" workbookViewId="0">
      <selection activeCell="B34" sqref="B34:K34"/>
    </sheetView>
  </sheetViews>
  <sheetFormatPr defaultColWidth="9" defaultRowHeight="20.25" customHeight="1"/>
  <cols>
    <col min="1" max="1" width="2.36328125" style="128" customWidth="1"/>
    <col min="2" max="2" width="25" style="114" bestFit="1" customWidth="1"/>
    <col min="3" max="3" width="41.7265625" style="114" customWidth="1"/>
    <col min="4" max="4" width="15.26953125" style="114" customWidth="1"/>
    <col min="5" max="5" width="44.26953125" style="114" customWidth="1"/>
    <col min="6" max="6" width="42" style="114" customWidth="1"/>
    <col min="7" max="7" width="22.54296875" style="114" customWidth="1"/>
    <col min="8" max="12" width="5.36328125" style="114" customWidth="1"/>
    <col min="13" max="13" width="6.54296875" style="114" customWidth="1"/>
    <col min="14" max="17" width="5.36328125" style="114" customWidth="1"/>
    <col min="18" max="256" width="9" style="114"/>
    <col min="257" max="257" width="2.36328125" style="114" customWidth="1"/>
    <col min="258" max="258" width="25" style="114" bestFit="1" customWidth="1"/>
    <col min="259" max="259" width="41.7265625" style="114" customWidth="1"/>
    <col min="260" max="260" width="15.26953125" style="114" customWidth="1"/>
    <col min="261" max="261" width="44.26953125" style="114" customWidth="1"/>
    <col min="262" max="262" width="42" style="114" customWidth="1"/>
    <col min="263" max="263" width="22.54296875" style="114" customWidth="1"/>
    <col min="264" max="268" width="5.36328125" style="114" customWidth="1"/>
    <col min="269" max="269" width="6.54296875" style="114" customWidth="1"/>
    <col min="270" max="273" width="5.36328125" style="114" customWidth="1"/>
    <col min="274" max="512" width="9" style="114"/>
    <col min="513" max="513" width="2.36328125" style="114" customWidth="1"/>
    <col min="514" max="514" width="25" style="114" bestFit="1" customWidth="1"/>
    <col min="515" max="515" width="41.7265625" style="114" customWidth="1"/>
    <col min="516" max="516" width="15.26953125" style="114" customWidth="1"/>
    <col min="517" max="517" width="44.26953125" style="114" customWidth="1"/>
    <col min="518" max="518" width="42" style="114" customWidth="1"/>
    <col min="519" max="519" width="22.54296875" style="114" customWidth="1"/>
    <col min="520" max="524" width="5.36328125" style="114" customWidth="1"/>
    <col min="525" max="525" width="6.54296875" style="114" customWidth="1"/>
    <col min="526" max="529" width="5.36328125" style="114" customWidth="1"/>
    <col min="530" max="768" width="9" style="114"/>
    <col min="769" max="769" width="2.36328125" style="114" customWidth="1"/>
    <col min="770" max="770" width="25" style="114" bestFit="1" customWidth="1"/>
    <col min="771" max="771" width="41.7265625" style="114" customWidth="1"/>
    <col min="772" max="772" width="15.26953125" style="114" customWidth="1"/>
    <col min="773" max="773" width="44.26953125" style="114" customWidth="1"/>
    <col min="774" max="774" width="42" style="114" customWidth="1"/>
    <col min="775" max="775" width="22.54296875" style="114" customWidth="1"/>
    <col min="776" max="780" width="5.36328125" style="114" customWidth="1"/>
    <col min="781" max="781" width="6.54296875" style="114" customWidth="1"/>
    <col min="782" max="785" width="5.36328125" style="114" customWidth="1"/>
    <col min="786" max="1024" width="9" style="114"/>
    <col min="1025" max="1025" width="2.36328125" style="114" customWidth="1"/>
    <col min="1026" max="1026" width="25" style="114" bestFit="1" customWidth="1"/>
    <col min="1027" max="1027" width="41.7265625" style="114" customWidth="1"/>
    <col min="1028" max="1028" width="15.26953125" style="114" customWidth="1"/>
    <col min="1029" max="1029" width="44.26953125" style="114" customWidth="1"/>
    <col min="1030" max="1030" width="42" style="114" customWidth="1"/>
    <col min="1031" max="1031" width="22.54296875" style="114" customWidth="1"/>
    <col min="1032" max="1036" width="5.36328125" style="114" customWidth="1"/>
    <col min="1037" max="1037" width="6.54296875" style="114" customWidth="1"/>
    <col min="1038" max="1041" width="5.36328125" style="114" customWidth="1"/>
    <col min="1042" max="1280" width="9" style="114"/>
    <col min="1281" max="1281" width="2.36328125" style="114" customWidth="1"/>
    <col min="1282" max="1282" width="25" style="114" bestFit="1" customWidth="1"/>
    <col min="1283" max="1283" width="41.7265625" style="114" customWidth="1"/>
    <col min="1284" max="1284" width="15.26953125" style="114" customWidth="1"/>
    <col min="1285" max="1285" width="44.26953125" style="114" customWidth="1"/>
    <col min="1286" max="1286" width="42" style="114" customWidth="1"/>
    <col min="1287" max="1287" width="22.54296875" style="114" customWidth="1"/>
    <col min="1288" max="1292" width="5.36328125" style="114" customWidth="1"/>
    <col min="1293" max="1293" width="6.54296875" style="114" customWidth="1"/>
    <col min="1294" max="1297" width="5.36328125" style="114" customWidth="1"/>
    <col min="1298" max="1536" width="9" style="114"/>
    <col min="1537" max="1537" width="2.36328125" style="114" customWidth="1"/>
    <col min="1538" max="1538" width="25" style="114" bestFit="1" customWidth="1"/>
    <col min="1539" max="1539" width="41.7265625" style="114" customWidth="1"/>
    <col min="1540" max="1540" width="15.26953125" style="114" customWidth="1"/>
    <col min="1541" max="1541" width="44.26953125" style="114" customWidth="1"/>
    <col min="1542" max="1542" width="42" style="114" customWidth="1"/>
    <col min="1543" max="1543" width="22.54296875" style="114" customWidth="1"/>
    <col min="1544" max="1548" width="5.36328125" style="114" customWidth="1"/>
    <col min="1549" max="1549" width="6.54296875" style="114" customWidth="1"/>
    <col min="1550" max="1553" width="5.36328125" style="114" customWidth="1"/>
    <col min="1554" max="1792" width="9" style="114"/>
    <col min="1793" max="1793" width="2.36328125" style="114" customWidth="1"/>
    <col min="1794" max="1794" width="25" style="114" bestFit="1" customWidth="1"/>
    <col min="1795" max="1795" width="41.7265625" style="114" customWidth="1"/>
    <col min="1796" max="1796" width="15.26953125" style="114" customWidth="1"/>
    <col min="1797" max="1797" width="44.26953125" style="114" customWidth="1"/>
    <col min="1798" max="1798" width="42" style="114" customWidth="1"/>
    <col min="1799" max="1799" width="22.54296875" style="114" customWidth="1"/>
    <col min="1800" max="1804" width="5.36328125" style="114" customWidth="1"/>
    <col min="1805" max="1805" width="6.54296875" style="114" customWidth="1"/>
    <col min="1806" max="1809" width="5.36328125" style="114" customWidth="1"/>
    <col min="1810" max="2048" width="9" style="114"/>
    <col min="2049" max="2049" width="2.36328125" style="114" customWidth="1"/>
    <col min="2050" max="2050" width="25" style="114" bestFit="1" customWidth="1"/>
    <col min="2051" max="2051" width="41.7265625" style="114" customWidth="1"/>
    <col min="2052" max="2052" width="15.26953125" style="114" customWidth="1"/>
    <col min="2053" max="2053" width="44.26953125" style="114" customWidth="1"/>
    <col min="2054" max="2054" width="42" style="114" customWidth="1"/>
    <col min="2055" max="2055" width="22.54296875" style="114" customWidth="1"/>
    <col min="2056" max="2060" width="5.36328125" style="114" customWidth="1"/>
    <col min="2061" max="2061" width="6.54296875" style="114" customWidth="1"/>
    <col min="2062" max="2065" width="5.36328125" style="114" customWidth="1"/>
    <col min="2066" max="2304" width="9" style="114"/>
    <col min="2305" max="2305" width="2.36328125" style="114" customWidth="1"/>
    <col min="2306" max="2306" width="25" style="114" bestFit="1" customWidth="1"/>
    <col min="2307" max="2307" width="41.7265625" style="114" customWidth="1"/>
    <col min="2308" max="2308" width="15.26953125" style="114" customWidth="1"/>
    <col min="2309" max="2309" width="44.26953125" style="114" customWidth="1"/>
    <col min="2310" max="2310" width="42" style="114" customWidth="1"/>
    <col min="2311" max="2311" width="22.54296875" style="114" customWidth="1"/>
    <col min="2312" max="2316" width="5.36328125" style="114" customWidth="1"/>
    <col min="2317" max="2317" width="6.54296875" style="114" customWidth="1"/>
    <col min="2318" max="2321" width="5.36328125" style="114" customWidth="1"/>
    <col min="2322" max="2560" width="9" style="114"/>
    <col min="2561" max="2561" width="2.36328125" style="114" customWidth="1"/>
    <col min="2562" max="2562" width="25" style="114" bestFit="1" customWidth="1"/>
    <col min="2563" max="2563" width="41.7265625" style="114" customWidth="1"/>
    <col min="2564" max="2564" width="15.26953125" style="114" customWidth="1"/>
    <col min="2565" max="2565" width="44.26953125" style="114" customWidth="1"/>
    <col min="2566" max="2566" width="42" style="114" customWidth="1"/>
    <col min="2567" max="2567" width="22.54296875" style="114" customWidth="1"/>
    <col min="2568" max="2572" width="5.36328125" style="114" customWidth="1"/>
    <col min="2573" max="2573" width="6.54296875" style="114" customWidth="1"/>
    <col min="2574" max="2577" width="5.36328125" style="114" customWidth="1"/>
    <col min="2578" max="2816" width="9" style="114"/>
    <col min="2817" max="2817" width="2.36328125" style="114" customWidth="1"/>
    <col min="2818" max="2818" width="25" style="114" bestFit="1" customWidth="1"/>
    <col min="2819" max="2819" width="41.7265625" style="114" customWidth="1"/>
    <col min="2820" max="2820" width="15.26953125" style="114" customWidth="1"/>
    <col min="2821" max="2821" width="44.26953125" style="114" customWidth="1"/>
    <col min="2822" max="2822" width="42" style="114" customWidth="1"/>
    <col min="2823" max="2823" width="22.54296875" style="114" customWidth="1"/>
    <col min="2824" max="2828" width="5.36328125" style="114" customWidth="1"/>
    <col min="2829" max="2829" width="6.54296875" style="114" customWidth="1"/>
    <col min="2830" max="2833" width="5.36328125" style="114" customWidth="1"/>
    <col min="2834" max="3072" width="9" style="114"/>
    <col min="3073" max="3073" width="2.36328125" style="114" customWidth="1"/>
    <col min="3074" max="3074" width="25" style="114" bestFit="1" customWidth="1"/>
    <col min="3075" max="3075" width="41.7265625" style="114" customWidth="1"/>
    <col min="3076" max="3076" width="15.26953125" style="114" customWidth="1"/>
    <col min="3077" max="3077" width="44.26953125" style="114" customWidth="1"/>
    <col min="3078" max="3078" width="42" style="114" customWidth="1"/>
    <col min="3079" max="3079" width="22.54296875" style="114" customWidth="1"/>
    <col min="3080" max="3084" width="5.36328125" style="114" customWidth="1"/>
    <col min="3085" max="3085" width="6.54296875" style="114" customWidth="1"/>
    <col min="3086" max="3089" width="5.36328125" style="114" customWidth="1"/>
    <col min="3090" max="3328" width="9" style="114"/>
    <col min="3329" max="3329" width="2.36328125" style="114" customWidth="1"/>
    <col min="3330" max="3330" width="25" style="114" bestFit="1" customWidth="1"/>
    <col min="3331" max="3331" width="41.7265625" style="114" customWidth="1"/>
    <col min="3332" max="3332" width="15.26953125" style="114" customWidth="1"/>
    <col min="3333" max="3333" width="44.26953125" style="114" customWidth="1"/>
    <col min="3334" max="3334" width="42" style="114" customWidth="1"/>
    <col min="3335" max="3335" width="22.54296875" style="114" customWidth="1"/>
    <col min="3336" max="3340" width="5.36328125" style="114" customWidth="1"/>
    <col min="3341" max="3341" width="6.54296875" style="114" customWidth="1"/>
    <col min="3342" max="3345" width="5.36328125" style="114" customWidth="1"/>
    <col min="3346" max="3584" width="9" style="114"/>
    <col min="3585" max="3585" width="2.36328125" style="114" customWidth="1"/>
    <col min="3586" max="3586" width="25" style="114" bestFit="1" customWidth="1"/>
    <col min="3587" max="3587" width="41.7265625" style="114" customWidth="1"/>
    <col min="3588" max="3588" width="15.26953125" style="114" customWidth="1"/>
    <col min="3589" max="3589" width="44.26953125" style="114" customWidth="1"/>
    <col min="3590" max="3590" width="42" style="114" customWidth="1"/>
    <col min="3591" max="3591" width="22.54296875" style="114" customWidth="1"/>
    <col min="3592" max="3596" width="5.36328125" style="114" customWidth="1"/>
    <col min="3597" max="3597" width="6.54296875" style="114" customWidth="1"/>
    <col min="3598" max="3601" width="5.36328125" style="114" customWidth="1"/>
    <col min="3602" max="3840" width="9" style="114"/>
    <col min="3841" max="3841" width="2.36328125" style="114" customWidth="1"/>
    <col min="3842" max="3842" width="25" style="114" bestFit="1" customWidth="1"/>
    <col min="3843" max="3843" width="41.7265625" style="114" customWidth="1"/>
    <col min="3844" max="3844" width="15.26953125" style="114" customWidth="1"/>
    <col min="3845" max="3845" width="44.26953125" style="114" customWidth="1"/>
    <col min="3846" max="3846" width="42" style="114" customWidth="1"/>
    <col min="3847" max="3847" width="22.54296875" style="114" customWidth="1"/>
    <col min="3848" max="3852" width="5.36328125" style="114" customWidth="1"/>
    <col min="3853" max="3853" width="6.54296875" style="114" customWidth="1"/>
    <col min="3854" max="3857" width="5.36328125" style="114" customWidth="1"/>
    <col min="3858" max="4096" width="9" style="114"/>
    <col min="4097" max="4097" width="2.36328125" style="114" customWidth="1"/>
    <col min="4098" max="4098" width="25" style="114" bestFit="1" customWidth="1"/>
    <col min="4099" max="4099" width="41.7265625" style="114" customWidth="1"/>
    <col min="4100" max="4100" width="15.26953125" style="114" customWidth="1"/>
    <col min="4101" max="4101" width="44.26953125" style="114" customWidth="1"/>
    <col min="4102" max="4102" width="42" style="114" customWidth="1"/>
    <col min="4103" max="4103" width="22.54296875" style="114" customWidth="1"/>
    <col min="4104" max="4108" width="5.36328125" style="114" customWidth="1"/>
    <col min="4109" max="4109" width="6.54296875" style="114" customWidth="1"/>
    <col min="4110" max="4113" width="5.36328125" style="114" customWidth="1"/>
    <col min="4114" max="4352" width="9" style="114"/>
    <col min="4353" max="4353" width="2.36328125" style="114" customWidth="1"/>
    <col min="4354" max="4354" width="25" style="114" bestFit="1" customWidth="1"/>
    <col min="4355" max="4355" width="41.7265625" style="114" customWidth="1"/>
    <col min="4356" max="4356" width="15.26953125" style="114" customWidth="1"/>
    <col min="4357" max="4357" width="44.26953125" style="114" customWidth="1"/>
    <col min="4358" max="4358" width="42" style="114" customWidth="1"/>
    <col min="4359" max="4359" width="22.54296875" style="114" customWidth="1"/>
    <col min="4360" max="4364" width="5.36328125" style="114" customWidth="1"/>
    <col min="4365" max="4365" width="6.54296875" style="114" customWidth="1"/>
    <col min="4366" max="4369" width="5.36328125" style="114" customWidth="1"/>
    <col min="4370" max="4608" width="9" style="114"/>
    <col min="4609" max="4609" width="2.36328125" style="114" customWidth="1"/>
    <col min="4610" max="4610" width="25" style="114" bestFit="1" customWidth="1"/>
    <col min="4611" max="4611" width="41.7265625" style="114" customWidth="1"/>
    <col min="4612" max="4612" width="15.26953125" style="114" customWidth="1"/>
    <col min="4613" max="4613" width="44.26953125" style="114" customWidth="1"/>
    <col min="4614" max="4614" width="42" style="114" customWidth="1"/>
    <col min="4615" max="4615" width="22.54296875" style="114" customWidth="1"/>
    <col min="4616" max="4620" width="5.36328125" style="114" customWidth="1"/>
    <col min="4621" max="4621" width="6.54296875" style="114" customWidth="1"/>
    <col min="4622" max="4625" width="5.36328125" style="114" customWidth="1"/>
    <col min="4626" max="4864" width="9" style="114"/>
    <col min="4865" max="4865" width="2.36328125" style="114" customWidth="1"/>
    <col min="4866" max="4866" width="25" style="114" bestFit="1" customWidth="1"/>
    <col min="4867" max="4867" width="41.7265625" style="114" customWidth="1"/>
    <col min="4868" max="4868" width="15.26953125" style="114" customWidth="1"/>
    <col min="4869" max="4869" width="44.26953125" style="114" customWidth="1"/>
    <col min="4870" max="4870" width="42" style="114" customWidth="1"/>
    <col min="4871" max="4871" width="22.54296875" style="114" customWidth="1"/>
    <col min="4872" max="4876" width="5.36328125" style="114" customWidth="1"/>
    <col min="4877" max="4877" width="6.54296875" style="114" customWidth="1"/>
    <col min="4878" max="4881" width="5.36328125" style="114" customWidth="1"/>
    <col min="4882" max="5120" width="9" style="114"/>
    <col min="5121" max="5121" width="2.36328125" style="114" customWidth="1"/>
    <col min="5122" max="5122" width="25" style="114" bestFit="1" customWidth="1"/>
    <col min="5123" max="5123" width="41.7265625" style="114" customWidth="1"/>
    <col min="5124" max="5124" width="15.26953125" style="114" customWidth="1"/>
    <col min="5125" max="5125" width="44.26953125" style="114" customWidth="1"/>
    <col min="5126" max="5126" width="42" style="114" customWidth="1"/>
    <col min="5127" max="5127" width="22.54296875" style="114" customWidth="1"/>
    <col min="5128" max="5132" width="5.36328125" style="114" customWidth="1"/>
    <col min="5133" max="5133" width="6.54296875" style="114" customWidth="1"/>
    <col min="5134" max="5137" width="5.36328125" style="114" customWidth="1"/>
    <col min="5138" max="5376" width="9" style="114"/>
    <col min="5377" max="5377" width="2.36328125" style="114" customWidth="1"/>
    <col min="5378" max="5378" width="25" style="114" bestFit="1" customWidth="1"/>
    <col min="5379" max="5379" width="41.7265625" style="114" customWidth="1"/>
    <col min="5380" max="5380" width="15.26953125" style="114" customWidth="1"/>
    <col min="5381" max="5381" width="44.26953125" style="114" customWidth="1"/>
    <col min="5382" max="5382" width="42" style="114" customWidth="1"/>
    <col min="5383" max="5383" width="22.54296875" style="114" customWidth="1"/>
    <col min="5384" max="5388" width="5.36328125" style="114" customWidth="1"/>
    <col min="5389" max="5389" width="6.54296875" style="114" customWidth="1"/>
    <col min="5390" max="5393" width="5.36328125" style="114" customWidth="1"/>
    <col min="5394" max="5632" width="9" style="114"/>
    <col min="5633" max="5633" width="2.36328125" style="114" customWidth="1"/>
    <col min="5634" max="5634" width="25" style="114" bestFit="1" customWidth="1"/>
    <col min="5635" max="5635" width="41.7265625" style="114" customWidth="1"/>
    <col min="5636" max="5636" width="15.26953125" style="114" customWidth="1"/>
    <col min="5637" max="5637" width="44.26953125" style="114" customWidth="1"/>
    <col min="5638" max="5638" width="42" style="114" customWidth="1"/>
    <col min="5639" max="5639" width="22.54296875" style="114" customWidth="1"/>
    <col min="5640" max="5644" width="5.36328125" style="114" customWidth="1"/>
    <col min="5645" max="5645" width="6.54296875" style="114" customWidth="1"/>
    <col min="5646" max="5649" width="5.36328125" style="114" customWidth="1"/>
    <col min="5650" max="5888" width="9" style="114"/>
    <col min="5889" max="5889" width="2.36328125" style="114" customWidth="1"/>
    <col min="5890" max="5890" width="25" style="114" bestFit="1" customWidth="1"/>
    <col min="5891" max="5891" width="41.7265625" style="114" customWidth="1"/>
    <col min="5892" max="5892" width="15.26953125" style="114" customWidth="1"/>
    <col min="5893" max="5893" width="44.26953125" style="114" customWidth="1"/>
    <col min="5894" max="5894" width="42" style="114" customWidth="1"/>
    <col min="5895" max="5895" width="22.54296875" style="114" customWidth="1"/>
    <col min="5896" max="5900" width="5.36328125" style="114" customWidth="1"/>
    <col min="5901" max="5901" width="6.54296875" style="114" customWidth="1"/>
    <col min="5902" max="5905" width="5.36328125" style="114" customWidth="1"/>
    <col min="5906" max="6144" width="9" style="114"/>
    <col min="6145" max="6145" width="2.36328125" style="114" customWidth="1"/>
    <col min="6146" max="6146" width="25" style="114" bestFit="1" customWidth="1"/>
    <col min="6147" max="6147" width="41.7265625" style="114" customWidth="1"/>
    <col min="6148" max="6148" width="15.26953125" style="114" customWidth="1"/>
    <col min="6149" max="6149" width="44.26953125" style="114" customWidth="1"/>
    <col min="6150" max="6150" width="42" style="114" customWidth="1"/>
    <col min="6151" max="6151" width="22.54296875" style="114" customWidth="1"/>
    <col min="6152" max="6156" width="5.36328125" style="114" customWidth="1"/>
    <col min="6157" max="6157" width="6.54296875" style="114" customWidth="1"/>
    <col min="6158" max="6161" width="5.36328125" style="114" customWidth="1"/>
    <col min="6162" max="6400" width="9" style="114"/>
    <col min="6401" max="6401" width="2.36328125" style="114" customWidth="1"/>
    <col min="6402" max="6402" width="25" style="114" bestFit="1" customWidth="1"/>
    <col min="6403" max="6403" width="41.7265625" style="114" customWidth="1"/>
    <col min="6404" max="6404" width="15.26953125" style="114" customWidth="1"/>
    <col min="6405" max="6405" width="44.26953125" style="114" customWidth="1"/>
    <col min="6406" max="6406" width="42" style="114" customWidth="1"/>
    <col min="6407" max="6407" width="22.54296875" style="114" customWidth="1"/>
    <col min="6408" max="6412" width="5.36328125" style="114" customWidth="1"/>
    <col min="6413" max="6413" width="6.54296875" style="114" customWidth="1"/>
    <col min="6414" max="6417" width="5.36328125" style="114" customWidth="1"/>
    <col min="6418" max="6656" width="9" style="114"/>
    <col min="6657" max="6657" width="2.36328125" style="114" customWidth="1"/>
    <col min="6658" max="6658" width="25" style="114" bestFit="1" customWidth="1"/>
    <col min="6659" max="6659" width="41.7265625" style="114" customWidth="1"/>
    <col min="6660" max="6660" width="15.26953125" style="114" customWidth="1"/>
    <col min="6661" max="6661" width="44.26953125" style="114" customWidth="1"/>
    <col min="6662" max="6662" width="42" style="114" customWidth="1"/>
    <col min="6663" max="6663" width="22.54296875" style="114" customWidth="1"/>
    <col min="6664" max="6668" width="5.36328125" style="114" customWidth="1"/>
    <col min="6669" max="6669" width="6.54296875" style="114" customWidth="1"/>
    <col min="6670" max="6673" width="5.36328125" style="114" customWidth="1"/>
    <col min="6674" max="6912" width="9" style="114"/>
    <col min="6913" max="6913" width="2.36328125" style="114" customWidth="1"/>
    <col min="6914" max="6914" width="25" style="114" bestFit="1" customWidth="1"/>
    <col min="6915" max="6915" width="41.7265625" style="114" customWidth="1"/>
    <col min="6916" max="6916" width="15.26953125" style="114" customWidth="1"/>
    <col min="6917" max="6917" width="44.26953125" style="114" customWidth="1"/>
    <col min="6918" max="6918" width="42" style="114" customWidth="1"/>
    <col min="6919" max="6919" width="22.54296875" style="114" customWidth="1"/>
    <col min="6920" max="6924" width="5.36328125" style="114" customWidth="1"/>
    <col min="6925" max="6925" width="6.54296875" style="114" customWidth="1"/>
    <col min="6926" max="6929" width="5.36328125" style="114" customWidth="1"/>
    <col min="6930" max="7168" width="9" style="114"/>
    <col min="7169" max="7169" width="2.36328125" style="114" customWidth="1"/>
    <col min="7170" max="7170" width="25" style="114" bestFit="1" customWidth="1"/>
    <col min="7171" max="7171" width="41.7265625" style="114" customWidth="1"/>
    <col min="7172" max="7172" width="15.26953125" style="114" customWidth="1"/>
    <col min="7173" max="7173" width="44.26953125" style="114" customWidth="1"/>
    <col min="7174" max="7174" width="42" style="114" customWidth="1"/>
    <col min="7175" max="7175" width="22.54296875" style="114" customWidth="1"/>
    <col min="7176" max="7180" width="5.36328125" style="114" customWidth="1"/>
    <col min="7181" max="7181" width="6.54296875" style="114" customWidth="1"/>
    <col min="7182" max="7185" width="5.36328125" style="114" customWidth="1"/>
    <col min="7186" max="7424" width="9" style="114"/>
    <col min="7425" max="7425" width="2.36328125" style="114" customWidth="1"/>
    <col min="7426" max="7426" width="25" style="114" bestFit="1" customWidth="1"/>
    <col min="7427" max="7427" width="41.7265625" style="114" customWidth="1"/>
    <col min="7428" max="7428" width="15.26953125" style="114" customWidth="1"/>
    <col min="7429" max="7429" width="44.26953125" style="114" customWidth="1"/>
    <col min="7430" max="7430" width="42" style="114" customWidth="1"/>
    <col min="7431" max="7431" width="22.54296875" style="114" customWidth="1"/>
    <col min="7432" max="7436" width="5.36328125" style="114" customWidth="1"/>
    <col min="7437" max="7437" width="6.54296875" style="114" customWidth="1"/>
    <col min="7438" max="7441" width="5.36328125" style="114" customWidth="1"/>
    <col min="7442" max="7680" width="9" style="114"/>
    <col min="7681" max="7681" width="2.36328125" style="114" customWidth="1"/>
    <col min="7682" max="7682" width="25" style="114" bestFit="1" customWidth="1"/>
    <col min="7683" max="7683" width="41.7265625" style="114" customWidth="1"/>
    <col min="7684" max="7684" width="15.26953125" style="114" customWidth="1"/>
    <col min="7685" max="7685" width="44.26953125" style="114" customWidth="1"/>
    <col min="7686" max="7686" width="42" style="114" customWidth="1"/>
    <col min="7687" max="7687" width="22.54296875" style="114" customWidth="1"/>
    <col min="7688" max="7692" width="5.36328125" style="114" customWidth="1"/>
    <col min="7693" max="7693" width="6.54296875" style="114" customWidth="1"/>
    <col min="7694" max="7697" width="5.36328125" style="114" customWidth="1"/>
    <col min="7698" max="7936" width="9" style="114"/>
    <col min="7937" max="7937" width="2.36328125" style="114" customWidth="1"/>
    <col min="7938" max="7938" width="25" style="114" bestFit="1" customWidth="1"/>
    <col min="7939" max="7939" width="41.7265625" style="114" customWidth="1"/>
    <col min="7940" max="7940" width="15.26953125" style="114" customWidth="1"/>
    <col min="7941" max="7941" width="44.26953125" style="114" customWidth="1"/>
    <col min="7942" max="7942" width="42" style="114" customWidth="1"/>
    <col min="7943" max="7943" width="22.54296875" style="114" customWidth="1"/>
    <col min="7944" max="7948" width="5.36328125" style="114" customWidth="1"/>
    <col min="7949" max="7949" width="6.54296875" style="114" customWidth="1"/>
    <col min="7950" max="7953" width="5.36328125" style="114" customWidth="1"/>
    <col min="7954" max="8192" width="9" style="114"/>
    <col min="8193" max="8193" width="2.36328125" style="114" customWidth="1"/>
    <col min="8194" max="8194" width="25" style="114" bestFit="1" customWidth="1"/>
    <col min="8195" max="8195" width="41.7265625" style="114" customWidth="1"/>
    <col min="8196" max="8196" width="15.26953125" style="114" customWidth="1"/>
    <col min="8197" max="8197" width="44.26953125" style="114" customWidth="1"/>
    <col min="8198" max="8198" width="42" style="114" customWidth="1"/>
    <col min="8199" max="8199" width="22.54296875" style="114" customWidth="1"/>
    <col min="8200" max="8204" width="5.36328125" style="114" customWidth="1"/>
    <col min="8205" max="8205" width="6.54296875" style="114" customWidth="1"/>
    <col min="8206" max="8209" width="5.36328125" style="114" customWidth="1"/>
    <col min="8210" max="8448" width="9" style="114"/>
    <col min="8449" max="8449" width="2.36328125" style="114" customWidth="1"/>
    <col min="8450" max="8450" width="25" style="114" bestFit="1" customWidth="1"/>
    <col min="8451" max="8451" width="41.7265625" style="114" customWidth="1"/>
    <col min="8452" max="8452" width="15.26953125" style="114" customWidth="1"/>
    <col min="8453" max="8453" width="44.26953125" style="114" customWidth="1"/>
    <col min="8454" max="8454" width="42" style="114" customWidth="1"/>
    <col min="8455" max="8455" width="22.54296875" style="114" customWidth="1"/>
    <col min="8456" max="8460" width="5.36328125" style="114" customWidth="1"/>
    <col min="8461" max="8461" width="6.54296875" style="114" customWidth="1"/>
    <col min="8462" max="8465" width="5.36328125" style="114" customWidth="1"/>
    <col min="8466" max="8704" width="9" style="114"/>
    <col min="8705" max="8705" width="2.36328125" style="114" customWidth="1"/>
    <col min="8706" max="8706" width="25" style="114" bestFit="1" customWidth="1"/>
    <col min="8707" max="8707" width="41.7265625" style="114" customWidth="1"/>
    <col min="8708" max="8708" width="15.26953125" style="114" customWidth="1"/>
    <col min="8709" max="8709" width="44.26953125" style="114" customWidth="1"/>
    <col min="8710" max="8710" width="42" style="114" customWidth="1"/>
    <col min="8711" max="8711" width="22.54296875" style="114" customWidth="1"/>
    <col min="8712" max="8716" width="5.36328125" style="114" customWidth="1"/>
    <col min="8717" max="8717" width="6.54296875" style="114" customWidth="1"/>
    <col min="8718" max="8721" width="5.36328125" style="114" customWidth="1"/>
    <col min="8722" max="8960" width="9" style="114"/>
    <col min="8961" max="8961" width="2.36328125" style="114" customWidth="1"/>
    <col min="8962" max="8962" width="25" style="114" bestFit="1" customWidth="1"/>
    <col min="8963" max="8963" width="41.7265625" style="114" customWidth="1"/>
    <col min="8964" max="8964" width="15.26953125" style="114" customWidth="1"/>
    <col min="8965" max="8965" width="44.26953125" style="114" customWidth="1"/>
    <col min="8966" max="8966" width="42" style="114" customWidth="1"/>
    <col min="8967" max="8967" width="22.54296875" style="114" customWidth="1"/>
    <col min="8968" max="8972" width="5.36328125" style="114" customWidth="1"/>
    <col min="8973" max="8973" width="6.54296875" style="114" customWidth="1"/>
    <col min="8974" max="8977" width="5.36328125" style="114" customWidth="1"/>
    <col min="8978" max="9216" width="9" style="114"/>
    <col min="9217" max="9217" width="2.36328125" style="114" customWidth="1"/>
    <col min="9218" max="9218" width="25" style="114" bestFit="1" customWidth="1"/>
    <col min="9219" max="9219" width="41.7265625" style="114" customWidth="1"/>
    <col min="9220" max="9220" width="15.26953125" style="114" customWidth="1"/>
    <col min="9221" max="9221" width="44.26953125" style="114" customWidth="1"/>
    <col min="9222" max="9222" width="42" style="114" customWidth="1"/>
    <col min="9223" max="9223" width="22.54296875" style="114" customWidth="1"/>
    <col min="9224" max="9228" width="5.36328125" style="114" customWidth="1"/>
    <col min="9229" max="9229" width="6.54296875" style="114" customWidth="1"/>
    <col min="9230" max="9233" width="5.36328125" style="114" customWidth="1"/>
    <col min="9234" max="9472" width="9" style="114"/>
    <col min="9473" max="9473" width="2.36328125" style="114" customWidth="1"/>
    <col min="9474" max="9474" width="25" style="114" bestFit="1" customWidth="1"/>
    <col min="9475" max="9475" width="41.7265625" style="114" customWidth="1"/>
    <col min="9476" max="9476" width="15.26953125" style="114" customWidth="1"/>
    <col min="9477" max="9477" width="44.26953125" style="114" customWidth="1"/>
    <col min="9478" max="9478" width="42" style="114" customWidth="1"/>
    <col min="9479" max="9479" width="22.54296875" style="114" customWidth="1"/>
    <col min="9480" max="9484" width="5.36328125" style="114" customWidth="1"/>
    <col min="9485" max="9485" width="6.54296875" style="114" customWidth="1"/>
    <col min="9486" max="9489" width="5.36328125" style="114" customWidth="1"/>
    <col min="9490" max="9728" width="9" style="114"/>
    <col min="9729" max="9729" width="2.36328125" style="114" customWidth="1"/>
    <col min="9730" max="9730" width="25" style="114" bestFit="1" customWidth="1"/>
    <col min="9731" max="9731" width="41.7265625" style="114" customWidth="1"/>
    <col min="9732" max="9732" width="15.26953125" style="114" customWidth="1"/>
    <col min="9733" max="9733" width="44.26953125" style="114" customWidth="1"/>
    <col min="9734" max="9734" width="42" style="114" customWidth="1"/>
    <col min="9735" max="9735" width="22.54296875" style="114" customWidth="1"/>
    <col min="9736" max="9740" width="5.36328125" style="114" customWidth="1"/>
    <col min="9741" max="9741" width="6.54296875" style="114" customWidth="1"/>
    <col min="9742" max="9745" width="5.36328125" style="114" customWidth="1"/>
    <col min="9746" max="9984" width="9" style="114"/>
    <col min="9985" max="9985" width="2.36328125" style="114" customWidth="1"/>
    <col min="9986" max="9986" width="25" style="114" bestFit="1" customWidth="1"/>
    <col min="9987" max="9987" width="41.7265625" style="114" customWidth="1"/>
    <col min="9988" max="9988" width="15.26953125" style="114" customWidth="1"/>
    <col min="9989" max="9989" width="44.26953125" style="114" customWidth="1"/>
    <col min="9990" max="9990" width="42" style="114" customWidth="1"/>
    <col min="9991" max="9991" width="22.54296875" style="114" customWidth="1"/>
    <col min="9992" max="9996" width="5.36328125" style="114" customWidth="1"/>
    <col min="9997" max="9997" width="6.54296875" style="114" customWidth="1"/>
    <col min="9998" max="10001" width="5.36328125" style="114" customWidth="1"/>
    <col min="10002" max="10240" width="9" style="114"/>
    <col min="10241" max="10241" width="2.36328125" style="114" customWidth="1"/>
    <col min="10242" max="10242" width="25" style="114" bestFit="1" customWidth="1"/>
    <col min="10243" max="10243" width="41.7265625" style="114" customWidth="1"/>
    <col min="10244" max="10244" width="15.26953125" style="114" customWidth="1"/>
    <col min="10245" max="10245" width="44.26953125" style="114" customWidth="1"/>
    <col min="10246" max="10246" width="42" style="114" customWidth="1"/>
    <col min="10247" max="10247" width="22.54296875" style="114" customWidth="1"/>
    <col min="10248" max="10252" width="5.36328125" style="114" customWidth="1"/>
    <col min="10253" max="10253" width="6.54296875" style="114" customWidth="1"/>
    <col min="10254" max="10257" width="5.36328125" style="114" customWidth="1"/>
    <col min="10258" max="10496" width="9" style="114"/>
    <col min="10497" max="10497" width="2.36328125" style="114" customWidth="1"/>
    <col min="10498" max="10498" width="25" style="114" bestFit="1" customWidth="1"/>
    <col min="10499" max="10499" width="41.7265625" style="114" customWidth="1"/>
    <col min="10500" max="10500" width="15.26953125" style="114" customWidth="1"/>
    <col min="10501" max="10501" width="44.26953125" style="114" customWidth="1"/>
    <col min="10502" max="10502" width="42" style="114" customWidth="1"/>
    <col min="10503" max="10503" width="22.54296875" style="114" customWidth="1"/>
    <col min="10504" max="10508" width="5.36328125" style="114" customWidth="1"/>
    <col min="10509" max="10509" width="6.54296875" style="114" customWidth="1"/>
    <col min="10510" max="10513" width="5.36328125" style="114" customWidth="1"/>
    <col min="10514" max="10752" width="9" style="114"/>
    <col min="10753" max="10753" width="2.36328125" style="114" customWidth="1"/>
    <col min="10754" max="10754" width="25" style="114" bestFit="1" customWidth="1"/>
    <col min="10755" max="10755" width="41.7265625" style="114" customWidth="1"/>
    <col min="10756" max="10756" width="15.26953125" style="114" customWidth="1"/>
    <col min="10757" max="10757" width="44.26953125" style="114" customWidth="1"/>
    <col min="10758" max="10758" width="42" style="114" customWidth="1"/>
    <col min="10759" max="10759" width="22.54296875" style="114" customWidth="1"/>
    <col min="10760" max="10764" width="5.36328125" style="114" customWidth="1"/>
    <col min="10765" max="10765" width="6.54296875" style="114" customWidth="1"/>
    <col min="10766" max="10769" width="5.36328125" style="114" customWidth="1"/>
    <col min="10770" max="11008" width="9" style="114"/>
    <col min="11009" max="11009" width="2.36328125" style="114" customWidth="1"/>
    <col min="11010" max="11010" width="25" style="114" bestFit="1" customWidth="1"/>
    <col min="11011" max="11011" width="41.7265625" style="114" customWidth="1"/>
    <col min="11012" max="11012" width="15.26953125" style="114" customWidth="1"/>
    <col min="11013" max="11013" width="44.26953125" style="114" customWidth="1"/>
    <col min="11014" max="11014" width="42" style="114" customWidth="1"/>
    <col min="11015" max="11015" width="22.54296875" style="114" customWidth="1"/>
    <col min="11016" max="11020" width="5.36328125" style="114" customWidth="1"/>
    <col min="11021" max="11021" width="6.54296875" style="114" customWidth="1"/>
    <col min="11022" max="11025" width="5.36328125" style="114" customWidth="1"/>
    <col min="11026" max="11264" width="9" style="114"/>
    <col min="11265" max="11265" width="2.36328125" style="114" customWidth="1"/>
    <col min="11266" max="11266" width="25" style="114" bestFit="1" customWidth="1"/>
    <col min="11267" max="11267" width="41.7265625" style="114" customWidth="1"/>
    <col min="11268" max="11268" width="15.26953125" style="114" customWidth="1"/>
    <col min="11269" max="11269" width="44.26953125" style="114" customWidth="1"/>
    <col min="11270" max="11270" width="42" style="114" customWidth="1"/>
    <col min="11271" max="11271" width="22.54296875" style="114" customWidth="1"/>
    <col min="11272" max="11276" width="5.36328125" style="114" customWidth="1"/>
    <col min="11277" max="11277" width="6.54296875" style="114" customWidth="1"/>
    <col min="11278" max="11281" width="5.36328125" style="114" customWidth="1"/>
    <col min="11282" max="11520" width="9" style="114"/>
    <col min="11521" max="11521" width="2.36328125" style="114" customWidth="1"/>
    <col min="11522" max="11522" width="25" style="114" bestFit="1" customWidth="1"/>
    <col min="11523" max="11523" width="41.7265625" style="114" customWidth="1"/>
    <col min="11524" max="11524" width="15.26953125" style="114" customWidth="1"/>
    <col min="11525" max="11525" width="44.26953125" style="114" customWidth="1"/>
    <col min="11526" max="11526" width="42" style="114" customWidth="1"/>
    <col min="11527" max="11527" width="22.54296875" style="114" customWidth="1"/>
    <col min="11528" max="11532" width="5.36328125" style="114" customWidth="1"/>
    <col min="11533" max="11533" width="6.54296875" style="114" customWidth="1"/>
    <col min="11534" max="11537" width="5.36328125" style="114" customWidth="1"/>
    <col min="11538" max="11776" width="9" style="114"/>
    <col min="11777" max="11777" width="2.36328125" style="114" customWidth="1"/>
    <col min="11778" max="11778" width="25" style="114" bestFit="1" customWidth="1"/>
    <col min="11779" max="11779" width="41.7265625" style="114" customWidth="1"/>
    <col min="11780" max="11780" width="15.26953125" style="114" customWidth="1"/>
    <col min="11781" max="11781" width="44.26953125" style="114" customWidth="1"/>
    <col min="11782" max="11782" width="42" style="114" customWidth="1"/>
    <col min="11783" max="11783" width="22.54296875" style="114" customWidth="1"/>
    <col min="11784" max="11788" width="5.36328125" style="114" customWidth="1"/>
    <col min="11789" max="11789" width="6.54296875" style="114" customWidth="1"/>
    <col min="11790" max="11793" width="5.36328125" style="114" customWidth="1"/>
    <col min="11794" max="12032" width="9" style="114"/>
    <col min="12033" max="12033" width="2.36328125" style="114" customWidth="1"/>
    <col min="12034" max="12034" width="25" style="114" bestFit="1" customWidth="1"/>
    <col min="12035" max="12035" width="41.7265625" style="114" customWidth="1"/>
    <col min="12036" max="12036" width="15.26953125" style="114" customWidth="1"/>
    <col min="12037" max="12037" width="44.26953125" style="114" customWidth="1"/>
    <col min="12038" max="12038" width="42" style="114" customWidth="1"/>
    <col min="12039" max="12039" width="22.54296875" style="114" customWidth="1"/>
    <col min="12040" max="12044" width="5.36328125" style="114" customWidth="1"/>
    <col min="12045" max="12045" width="6.54296875" style="114" customWidth="1"/>
    <col min="12046" max="12049" width="5.36328125" style="114" customWidth="1"/>
    <col min="12050" max="12288" width="9" style="114"/>
    <col min="12289" max="12289" width="2.36328125" style="114" customWidth="1"/>
    <col min="12290" max="12290" width="25" style="114" bestFit="1" customWidth="1"/>
    <col min="12291" max="12291" width="41.7265625" style="114" customWidth="1"/>
    <col min="12292" max="12292" width="15.26953125" style="114" customWidth="1"/>
    <col min="12293" max="12293" width="44.26953125" style="114" customWidth="1"/>
    <col min="12294" max="12294" width="42" style="114" customWidth="1"/>
    <col min="12295" max="12295" width="22.54296875" style="114" customWidth="1"/>
    <col min="12296" max="12300" width="5.36328125" style="114" customWidth="1"/>
    <col min="12301" max="12301" width="6.54296875" style="114" customWidth="1"/>
    <col min="12302" max="12305" width="5.36328125" style="114" customWidth="1"/>
    <col min="12306" max="12544" width="9" style="114"/>
    <col min="12545" max="12545" width="2.36328125" style="114" customWidth="1"/>
    <col min="12546" max="12546" width="25" style="114" bestFit="1" customWidth="1"/>
    <col min="12547" max="12547" width="41.7265625" style="114" customWidth="1"/>
    <col min="12548" max="12548" width="15.26953125" style="114" customWidth="1"/>
    <col min="12549" max="12549" width="44.26953125" style="114" customWidth="1"/>
    <col min="12550" max="12550" width="42" style="114" customWidth="1"/>
    <col min="12551" max="12551" width="22.54296875" style="114" customWidth="1"/>
    <col min="12552" max="12556" width="5.36328125" style="114" customWidth="1"/>
    <col min="12557" max="12557" width="6.54296875" style="114" customWidth="1"/>
    <col min="12558" max="12561" width="5.36328125" style="114" customWidth="1"/>
    <col min="12562" max="12800" width="9" style="114"/>
    <col min="12801" max="12801" width="2.36328125" style="114" customWidth="1"/>
    <col min="12802" max="12802" width="25" style="114" bestFit="1" customWidth="1"/>
    <col min="12803" max="12803" width="41.7265625" style="114" customWidth="1"/>
    <col min="12804" max="12804" width="15.26953125" style="114" customWidth="1"/>
    <col min="12805" max="12805" width="44.26953125" style="114" customWidth="1"/>
    <col min="12806" max="12806" width="42" style="114" customWidth="1"/>
    <col min="12807" max="12807" width="22.54296875" style="114" customWidth="1"/>
    <col min="12808" max="12812" width="5.36328125" style="114" customWidth="1"/>
    <col min="12813" max="12813" width="6.54296875" style="114" customWidth="1"/>
    <col min="12814" max="12817" width="5.36328125" style="114" customWidth="1"/>
    <col min="12818" max="13056" width="9" style="114"/>
    <col min="13057" max="13057" width="2.36328125" style="114" customWidth="1"/>
    <col min="13058" max="13058" width="25" style="114" bestFit="1" customWidth="1"/>
    <col min="13059" max="13059" width="41.7265625" style="114" customWidth="1"/>
    <col min="13060" max="13060" width="15.26953125" style="114" customWidth="1"/>
    <col min="13061" max="13061" width="44.26953125" style="114" customWidth="1"/>
    <col min="13062" max="13062" width="42" style="114" customWidth="1"/>
    <col min="13063" max="13063" width="22.54296875" style="114" customWidth="1"/>
    <col min="13064" max="13068" width="5.36328125" style="114" customWidth="1"/>
    <col min="13069" max="13069" width="6.54296875" style="114" customWidth="1"/>
    <col min="13070" max="13073" width="5.36328125" style="114" customWidth="1"/>
    <col min="13074" max="13312" width="9" style="114"/>
    <col min="13313" max="13313" width="2.36328125" style="114" customWidth="1"/>
    <col min="13314" max="13314" width="25" style="114" bestFit="1" customWidth="1"/>
    <col min="13315" max="13315" width="41.7265625" style="114" customWidth="1"/>
    <col min="13316" max="13316" width="15.26953125" style="114" customWidth="1"/>
    <col min="13317" max="13317" width="44.26953125" style="114" customWidth="1"/>
    <col min="13318" max="13318" width="42" style="114" customWidth="1"/>
    <col min="13319" max="13319" width="22.54296875" style="114" customWidth="1"/>
    <col min="13320" max="13324" width="5.36328125" style="114" customWidth="1"/>
    <col min="13325" max="13325" width="6.54296875" style="114" customWidth="1"/>
    <col min="13326" max="13329" width="5.36328125" style="114" customWidth="1"/>
    <col min="13330" max="13568" width="9" style="114"/>
    <col min="13569" max="13569" width="2.36328125" style="114" customWidth="1"/>
    <col min="13570" max="13570" width="25" style="114" bestFit="1" customWidth="1"/>
    <col min="13571" max="13571" width="41.7265625" style="114" customWidth="1"/>
    <col min="13572" max="13572" width="15.26953125" style="114" customWidth="1"/>
    <col min="13573" max="13573" width="44.26953125" style="114" customWidth="1"/>
    <col min="13574" max="13574" width="42" style="114" customWidth="1"/>
    <col min="13575" max="13575" width="22.54296875" style="114" customWidth="1"/>
    <col min="13576" max="13580" width="5.36328125" style="114" customWidth="1"/>
    <col min="13581" max="13581" width="6.54296875" style="114" customWidth="1"/>
    <col min="13582" max="13585" width="5.36328125" style="114" customWidth="1"/>
    <col min="13586" max="13824" width="9" style="114"/>
    <col min="13825" max="13825" width="2.36328125" style="114" customWidth="1"/>
    <col min="13826" max="13826" width="25" style="114" bestFit="1" customWidth="1"/>
    <col min="13827" max="13827" width="41.7265625" style="114" customWidth="1"/>
    <col min="13828" max="13828" width="15.26953125" style="114" customWidth="1"/>
    <col min="13829" max="13829" width="44.26953125" style="114" customWidth="1"/>
    <col min="13830" max="13830" width="42" style="114" customWidth="1"/>
    <col min="13831" max="13831" width="22.54296875" style="114" customWidth="1"/>
    <col min="13832" max="13836" width="5.36328125" style="114" customWidth="1"/>
    <col min="13837" max="13837" width="6.54296875" style="114" customWidth="1"/>
    <col min="13838" max="13841" width="5.36328125" style="114" customWidth="1"/>
    <col min="13842" max="14080" width="9" style="114"/>
    <col min="14081" max="14081" width="2.36328125" style="114" customWidth="1"/>
    <col min="14082" max="14082" width="25" style="114" bestFit="1" customWidth="1"/>
    <col min="14083" max="14083" width="41.7265625" style="114" customWidth="1"/>
    <col min="14084" max="14084" width="15.26953125" style="114" customWidth="1"/>
    <col min="14085" max="14085" width="44.26953125" style="114" customWidth="1"/>
    <col min="14086" max="14086" width="42" style="114" customWidth="1"/>
    <col min="14087" max="14087" width="22.54296875" style="114" customWidth="1"/>
    <col min="14088" max="14092" width="5.36328125" style="114" customWidth="1"/>
    <col min="14093" max="14093" width="6.54296875" style="114" customWidth="1"/>
    <col min="14094" max="14097" width="5.36328125" style="114" customWidth="1"/>
    <col min="14098" max="14336" width="9" style="114"/>
    <col min="14337" max="14337" width="2.36328125" style="114" customWidth="1"/>
    <col min="14338" max="14338" width="25" style="114" bestFit="1" customWidth="1"/>
    <col min="14339" max="14339" width="41.7265625" style="114" customWidth="1"/>
    <col min="14340" max="14340" width="15.26953125" style="114" customWidth="1"/>
    <col min="14341" max="14341" width="44.26953125" style="114" customWidth="1"/>
    <col min="14342" max="14342" width="42" style="114" customWidth="1"/>
    <col min="14343" max="14343" width="22.54296875" style="114" customWidth="1"/>
    <col min="14344" max="14348" width="5.36328125" style="114" customWidth="1"/>
    <col min="14349" max="14349" width="6.54296875" style="114" customWidth="1"/>
    <col min="14350" max="14353" width="5.36328125" style="114" customWidth="1"/>
    <col min="14354" max="14592" width="9" style="114"/>
    <col min="14593" max="14593" width="2.36328125" style="114" customWidth="1"/>
    <col min="14594" max="14594" width="25" style="114" bestFit="1" customWidth="1"/>
    <col min="14595" max="14595" width="41.7265625" style="114" customWidth="1"/>
    <col min="14596" max="14596" width="15.26953125" style="114" customWidth="1"/>
    <col min="14597" max="14597" width="44.26953125" style="114" customWidth="1"/>
    <col min="14598" max="14598" width="42" style="114" customWidth="1"/>
    <col min="14599" max="14599" width="22.54296875" style="114" customWidth="1"/>
    <col min="14600" max="14604" width="5.36328125" style="114" customWidth="1"/>
    <col min="14605" max="14605" width="6.54296875" style="114" customWidth="1"/>
    <col min="14606" max="14609" width="5.36328125" style="114" customWidth="1"/>
    <col min="14610" max="14848" width="9" style="114"/>
    <col min="14849" max="14849" width="2.36328125" style="114" customWidth="1"/>
    <col min="14850" max="14850" width="25" style="114" bestFit="1" customWidth="1"/>
    <col min="14851" max="14851" width="41.7265625" style="114" customWidth="1"/>
    <col min="14852" max="14852" width="15.26953125" style="114" customWidth="1"/>
    <col min="14853" max="14853" width="44.26953125" style="114" customWidth="1"/>
    <col min="14854" max="14854" width="42" style="114" customWidth="1"/>
    <col min="14855" max="14855" width="22.54296875" style="114" customWidth="1"/>
    <col min="14856" max="14860" width="5.36328125" style="114" customWidth="1"/>
    <col min="14861" max="14861" width="6.54296875" style="114" customWidth="1"/>
    <col min="14862" max="14865" width="5.36328125" style="114" customWidth="1"/>
    <col min="14866" max="15104" width="9" style="114"/>
    <col min="15105" max="15105" width="2.36328125" style="114" customWidth="1"/>
    <col min="15106" max="15106" width="25" style="114" bestFit="1" customWidth="1"/>
    <col min="15107" max="15107" width="41.7265625" style="114" customWidth="1"/>
    <col min="15108" max="15108" width="15.26953125" style="114" customWidth="1"/>
    <col min="15109" max="15109" width="44.26953125" style="114" customWidth="1"/>
    <col min="15110" max="15110" width="42" style="114" customWidth="1"/>
    <col min="15111" max="15111" width="22.54296875" style="114" customWidth="1"/>
    <col min="15112" max="15116" width="5.36328125" style="114" customWidth="1"/>
    <col min="15117" max="15117" width="6.54296875" style="114" customWidth="1"/>
    <col min="15118" max="15121" width="5.36328125" style="114" customWidth="1"/>
    <col min="15122" max="15360" width="9" style="114"/>
    <col min="15361" max="15361" width="2.36328125" style="114" customWidth="1"/>
    <col min="15362" max="15362" width="25" style="114" bestFit="1" customWidth="1"/>
    <col min="15363" max="15363" width="41.7265625" style="114" customWidth="1"/>
    <col min="15364" max="15364" width="15.26953125" style="114" customWidth="1"/>
    <col min="15365" max="15365" width="44.26953125" style="114" customWidth="1"/>
    <col min="15366" max="15366" width="42" style="114" customWidth="1"/>
    <col min="15367" max="15367" width="22.54296875" style="114" customWidth="1"/>
    <col min="15368" max="15372" width="5.36328125" style="114" customWidth="1"/>
    <col min="15373" max="15373" width="6.54296875" style="114" customWidth="1"/>
    <col min="15374" max="15377" width="5.36328125" style="114" customWidth="1"/>
    <col min="15378" max="15616" width="9" style="114"/>
    <col min="15617" max="15617" width="2.36328125" style="114" customWidth="1"/>
    <col min="15618" max="15618" width="25" style="114" bestFit="1" customWidth="1"/>
    <col min="15619" max="15619" width="41.7265625" style="114" customWidth="1"/>
    <col min="15620" max="15620" width="15.26953125" style="114" customWidth="1"/>
    <col min="15621" max="15621" width="44.26953125" style="114" customWidth="1"/>
    <col min="15622" max="15622" width="42" style="114" customWidth="1"/>
    <col min="15623" max="15623" width="22.54296875" style="114" customWidth="1"/>
    <col min="15624" max="15628" width="5.36328125" style="114" customWidth="1"/>
    <col min="15629" max="15629" width="6.54296875" style="114" customWidth="1"/>
    <col min="15630" max="15633" width="5.36328125" style="114" customWidth="1"/>
    <col min="15634" max="15872" width="9" style="114"/>
    <col min="15873" max="15873" width="2.36328125" style="114" customWidth="1"/>
    <col min="15874" max="15874" width="25" style="114" bestFit="1" customWidth="1"/>
    <col min="15875" max="15875" width="41.7265625" style="114" customWidth="1"/>
    <col min="15876" max="15876" width="15.26953125" style="114" customWidth="1"/>
    <col min="15877" max="15877" width="44.26953125" style="114" customWidth="1"/>
    <col min="15878" max="15878" width="42" style="114" customWidth="1"/>
    <col min="15879" max="15879" width="22.54296875" style="114" customWidth="1"/>
    <col min="15880" max="15884" width="5.36328125" style="114" customWidth="1"/>
    <col min="15885" max="15885" width="6.54296875" style="114" customWidth="1"/>
    <col min="15886" max="15889" width="5.36328125" style="114" customWidth="1"/>
    <col min="15890" max="16128" width="9" style="114"/>
    <col min="16129" max="16129" width="2.36328125" style="114" customWidth="1"/>
    <col min="16130" max="16130" width="25" style="114" bestFit="1" customWidth="1"/>
    <col min="16131" max="16131" width="41.7265625" style="114" customWidth="1"/>
    <col min="16132" max="16132" width="15.26953125" style="114" customWidth="1"/>
    <col min="16133" max="16133" width="44.26953125" style="114" customWidth="1"/>
    <col min="16134" max="16134" width="42" style="114" customWidth="1"/>
    <col min="16135" max="16135" width="22.54296875" style="114" customWidth="1"/>
    <col min="16136" max="16140" width="5.36328125" style="114" customWidth="1"/>
    <col min="16141" max="16141" width="6.54296875" style="114" customWidth="1"/>
    <col min="16142" max="16145" width="5.36328125" style="114" customWidth="1"/>
    <col min="16146" max="16384" width="9" style="114"/>
  </cols>
  <sheetData>
    <row r="1" spans="1:11" ht="20.25" customHeight="1">
      <c r="A1"/>
      <c r="B1" s="113" t="s">
        <v>41</v>
      </c>
      <c r="C1"/>
      <c r="D1"/>
      <c r="E1"/>
      <c r="F1"/>
      <c r="G1"/>
      <c r="H1"/>
      <c r="I1"/>
      <c r="J1"/>
      <c r="K1"/>
    </row>
    <row r="3" spans="1:11" ht="20.25" customHeight="1">
      <c r="A3" s="115"/>
      <c r="B3" s="116" t="s">
        <v>42</v>
      </c>
      <c r="C3" s="117"/>
      <c r="D3" s="117"/>
      <c r="E3" s="117"/>
      <c r="F3" s="117"/>
      <c r="G3" s="117"/>
      <c r="H3" s="117"/>
      <c r="I3" s="117"/>
      <c r="J3" s="117"/>
      <c r="K3" s="117"/>
    </row>
    <row r="4" spans="1:11" ht="20.25" customHeight="1">
      <c r="A4" s="115"/>
      <c r="B4" s="116" t="s">
        <v>43</v>
      </c>
      <c r="C4" s="117"/>
      <c r="D4" s="117"/>
      <c r="E4" s="117"/>
      <c r="F4" s="117"/>
      <c r="G4" s="117"/>
      <c r="H4" s="117"/>
      <c r="I4" s="117"/>
      <c r="J4" s="117"/>
      <c r="K4" s="117"/>
    </row>
    <row r="5" spans="1:11" ht="20.25" customHeight="1">
      <c r="A5" s="115"/>
      <c r="B5" s="116" t="s">
        <v>44</v>
      </c>
      <c r="C5" s="117"/>
      <c r="D5" s="117"/>
      <c r="E5" s="117"/>
      <c r="F5" s="117"/>
      <c r="G5" s="117"/>
      <c r="H5" s="117"/>
      <c r="I5" s="117"/>
      <c r="J5" s="117"/>
      <c r="K5" s="117"/>
    </row>
    <row r="6" spans="1:11" ht="20.25" customHeight="1">
      <c r="A6" s="115"/>
      <c r="B6" s="116" t="s">
        <v>45</v>
      </c>
      <c r="C6" s="117"/>
      <c r="D6" s="117"/>
      <c r="E6" s="117"/>
      <c r="F6" s="117"/>
      <c r="G6" s="117"/>
      <c r="H6" s="117"/>
      <c r="I6" s="117"/>
      <c r="J6" s="117"/>
      <c r="K6" s="117"/>
    </row>
    <row r="7" spans="1:11" ht="20.25" customHeight="1">
      <c r="A7" s="115"/>
      <c r="B7" s="116" t="s">
        <v>46</v>
      </c>
      <c r="C7" s="117"/>
      <c r="D7" s="117"/>
      <c r="E7" s="117"/>
      <c r="F7" s="117"/>
      <c r="G7" s="117"/>
      <c r="H7" s="117"/>
      <c r="I7" s="117"/>
      <c r="J7" s="117"/>
      <c r="K7" s="117"/>
    </row>
    <row r="8" spans="1:11" ht="20.25" customHeight="1">
      <c r="A8" s="115"/>
      <c r="B8" s="116" t="s">
        <v>47</v>
      </c>
      <c r="C8" s="117"/>
      <c r="D8" s="117"/>
      <c r="E8" s="117"/>
      <c r="F8" s="117"/>
      <c r="G8" s="117"/>
      <c r="H8" s="117"/>
      <c r="I8" s="117"/>
      <c r="J8" s="117"/>
      <c r="K8" s="117"/>
    </row>
    <row r="9" spans="1:11" ht="20.25" customHeight="1">
      <c r="A9" s="115"/>
      <c r="B9" s="116" t="s">
        <v>48</v>
      </c>
      <c r="C9" s="116"/>
      <c r="D9" s="116"/>
      <c r="E9" s="116"/>
      <c r="F9" s="116"/>
      <c r="G9" s="116"/>
      <c r="H9" s="116"/>
      <c r="I9" s="116"/>
      <c r="J9" s="116"/>
      <c r="K9" s="117"/>
    </row>
    <row r="10" spans="1:11" ht="20.25" customHeight="1">
      <c r="A10" s="115"/>
      <c r="B10" s="116" t="s">
        <v>49</v>
      </c>
      <c r="C10" s="117"/>
      <c r="D10" s="117"/>
      <c r="E10" s="117"/>
      <c r="F10" s="117"/>
      <c r="G10" s="117"/>
      <c r="H10" s="117"/>
      <c r="I10" s="117"/>
      <c r="J10" s="117"/>
      <c r="K10" s="117"/>
    </row>
    <row r="11" spans="1:11" ht="20.25" customHeight="1">
      <c r="A11" s="115"/>
      <c r="B11" s="116" t="s">
        <v>50</v>
      </c>
      <c r="C11" s="117"/>
      <c r="D11" s="117"/>
      <c r="E11" s="117"/>
      <c r="F11" s="117"/>
      <c r="G11" s="117"/>
      <c r="H11" s="117"/>
      <c r="I11" s="117"/>
      <c r="J11" s="117"/>
      <c r="K11" s="117"/>
    </row>
    <row r="12" spans="1:11" ht="20.25" customHeight="1">
      <c r="A12" s="115"/>
      <c r="B12" s="116" t="s">
        <v>51</v>
      </c>
      <c r="C12" s="117"/>
      <c r="D12" s="117"/>
      <c r="E12" s="117"/>
      <c r="F12" s="117"/>
      <c r="G12" s="117"/>
      <c r="H12" s="117"/>
      <c r="I12" s="117"/>
      <c r="J12" s="117"/>
      <c r="K12" s="117"/>
    </row>
    <row r="13" spans="1:11" ht="20.25" customHeight="1">
      <c r="A13"/>
      <c r="B13" s="116" t="s">
        <v>52</v>
      </c>
      <c r="C13"/>
      <c r="D13"/>
      <c r="E13"/>
      <c r="F13"/>
      <c r="G13"/>
      <c r="H13"/>
      <c r="I13"/>
      <c r="J13"/>
      <c r="K13"/>
    </row>
    <row r="14" spans="1:11" ht="48" customHeight="1">
      <c r="A14"/>
      <c r="B14" s="118" t="s">
        <v>53</v>
      </c>
      <c r="C14" s="119"/>
      <c r="D14" s="119"/>
      <c r="E14" s="119"/>
      <c r="F14" s="119"/>
      <c r="G14" s="119"/>
      <c r="H14" s="119"/>
      <c r="I14" s="119"/>
      <c r="J14" s="119"/>
      <c r="K14" s="119"/>
    </row>
    <row r="15" spans="1:11" ht="21" customHeight="1">
      <c r="A15"/>
      <c r="B15" s="118" t="s">
        <v>54</v>
      </c>
      <c r="C15" s="118"/>
      <c r="D15" s="118"/>
      <c r="E15" s="118"/>
      <c r="F15" s="118"/>
      <c r="G15" s="118"/>
    </row>
    <row r="16" spans="1:11" ht="20.25" customHeight="1">
      <c r="A16"/>
      <c r="B16" s="116" t="s">
        <v>55</v>
      </c>
      <c r="C16"/>
      <c r="D16"/>
      <c r="E16"/>
      <c r="F16"/>
      <c r="G16"/>
      <c r="H16"/>
      <c r="I16"/>
      <c r="J16"/>
      <c r="K16"/>
    </row>
    <row r="17" spans="1:19" ht="20.25" customHeight="1">
      <c r="A17"/>
      <c r="B17" s="116" t="s">
        <v>56</v>
      </c>
      <c r="C17"/>
      <c r="D17"/>
      <c r="E17"/>
      <c r="F17"/>
      <c r="G17"/>
      <c r="H17"/>
      <c r="I17"/>
      <c r="J17"/>
      <c r="K17"/>
    </row>
    <row r="18" spans="1:19" ht="20.25" customHeight="1">
      <c r="A18"/>
      <c r="B18" s="116" t="s">
        <v>57</v>
      </c>
      <c r="C18"/>
      <c r="D18"/>
      <c r="E18"/>
      <c r="F18"/>
      <c r="G18"/>
      <c r="H18"/>
      <c r="I18"/>
      <c r="J18"/>
      <c r="K18"/>
    </row>
    <row r="19" spans="1:19" ht="20.25" customHeight="1">
      <c r="A19"/>
      <c r="B19" s="116" t="s">
        <v>58</v>
      </c>
      <c r="C19"/>
      <c r="D19"/>
      <c r="E19"/>
      <c r="F19"/>
      <c r="G19"/>
      <c r="H19"/>
      <c r="I19"/>
      <c r="J19"/>
      <c r="K19"/>
    </row>
    <row r="20" spans="1:19" ht="20.25" customHeight="1">
      <c r="A20"/>
      <c r="B20" s="116" t="s">
        <v>59</v>
      </c>
      <c r="C20"/>
      <c r="D20"/>
      <c r="E20"/>
      <c r="F20"/>
      <c r="G20"/>
    </row>
    <row r="21" spans="1:19" ht="20.25" customHeight="1">
      <c r="A21"/>
      <c r="B21" s="116" t="s">
        <v>60</v>
      </c>
      <c r="C21"/>
      <c r="D21"/>
      <c r="E21"/>
      <c r="F21"/>
      <c r="G21"/>
    </row>
    <row r="22" spans="1:19" ht="20.25" customHeight="1">
      <c r="A22"/>
      <c r="B22" s="116" t="s">
        <v>61</v>
      </c>
      <c r="C22"/>
      <c r="D22"/>
      <c r="E22"/>
      <c r="F22"/>
      <c r="G22"/>
    </row>
    <row r="23" spans="1:19" ht="20.25" customHeight="1">
      <c r="A23"/>
      <c r="B23" s="116" t="s">
        <v>62</v>
      </c>
      <c r="C23"/>
      <c r="D23"/>
      <c r="E23"/>
      <c r="F23"/>
      <c r="G23"/>
    </row>
    <row r="24" spans="1:19" ht="20.25" customHeight="1">
      <c r="A24"/>
      <c r="B24" s="116" t="s">
        <v>63</v>
      </c>
      <c r="C24"/>
      <c r="D24"/>
      <c r="E24"/>
      <c r="F24"/>
      <c r="G24"/>
    </row>
    <row r="25" spans="1:19" ht="20.25" customHeight="1">
      <c r="A25"/>
      <c r="B25" s="116" t="s">
        <v>64</v>
      </c>
      <c r="C25"/>
      <c r="D25"/>
      <c r="E25"/>
      <c r="F25"/>
      <c r="G25"/>
    </row>
    <row r="26" spans="1:19" ht="20.25" customHeight="1">
      <c r="A26"/>
      <c r="B26" s="116" t="s">
        <v>65</v>
      </c>
      <c r="C26"/>
      <c r="D26"/>
      <c r="E26"/>
      <c r="F26" s="116"/>
      <c r="G26" s="116"/>
      <c r="S26" s="120"/>
    </row>
    <row r="27" spans="1:19" ht="20.25" customHeight="1">
      <c r="A27"/>
      <c r="B27" s="116" t="s">
        <v>66</v>
      </c>
      <c r="C27"/>
      <c r="D27"/>
      <c r="E27"/>
      <c r="F27"/>
      <c r="G27"/>
      <c r="S27" s="120"/>
    </row>
    <row r="28" spans="1:19" ht="20.25" customHeight="1">
      <c r="A28"/>
      <c r="B28" s="116" t="s">
        <v>67</v>
      </c>
      <c r="C28"/>
      <c r="D28"/>
      <c r="E28"/>
      <c r="F28"/>
      <c r="G28"/>
      <c r="S28" s="120"/>
    </row>
    <row r="29" spans="1:19" s="122" customFormat="1" ht="19.5" customHeight="1">
      <c r="A29" s="121"/>
      <c r="B29" s="116" t="s">
        <v>68</v>
      </c>
      <c r="S29" s="120"/>
    </row>
    <row r="30" spans="1:19" s="122" customFormat="1" ht="19.5" customHeight="1">
      <c r="A30" s="121"/>
      <c r="B30" s="116" t="s">
        <v>69</v>
      </c>
      <c r="S30" s="120"/>
    </row>
    <row r="31" spans="1:19" s="122" customFormat="1" ht="19.5" customHeight="1">
      <c r="A31" s="121"/>
      <c r="B31" s="116" t="s">
        <v>70</v>
      </c>
      <c r="S31" s="120"/>
    </row>
    <row r="32" spans="1:19" s="122" customFormat="1" ht="19.5" customHeight="1">
      <c r="A32" s="121"/>
      <c r="B32" s="119" t="s">
        <v>71</v>
      </c>
      <c r="C32" s="119"/>
      <c r="D32" s="119"/>
      <c r="E32" s="119"/>
      <c r="F32" s="119"/>
      <c r="G32" s="119"/>
      <c r="S32" s="120"/>
    </row>
    <row r="33" spans="1:19" s="122" customFormat="1" ht="19.5" customHeight="1">
      <c r="A33" s="121"/>
      <c r="B33" s="116" t="s">
        <v>72</v>
      </c>
      <c r="S33" s="120"/>
    </row>
    <row r="34" spans="1:19" s="122" customFormat="1" ht="41.25" customHeight="1">
      <c r="A34" s="121"/>
      <c r="B34" s="118" t="s">
        <v>73</v>
      </c>
      <c r="C34" s="118"/>
      <c r="D34" s="118"/>
      <c r="E34" s="118"/>
      <c r="F34" s="118"/>
      <c r="G34" s="118"/>
      <c r="H34" s="118"/>
      <c r="I34" s="118"/>
      <c r="J34" s="118"/>
      <c r="K34" s="118"/>
      <c r="L34" s="123"/>
      <c r="M34" s="123"/>
      <c r="N34" s="123"/>
      <c r="O34" s="123"/>
      <c r="S34" s="120"/>
    </row>
    <row r="35" spans="1:19" s="122" customFormat="1" ht="19.5" customHeight="1">
      <c r="A35" s="121"/>
      <c r="B35" s="116" t="s">
        <v>74</v>
      </c>
      <c r="S35" s="120"/>
    </row>
    <row r="36" spans="1:19" s="120" customFormat="1" ht="20.25" customHeight="1">
      <c r="A36" s="124"/>
      <c r="B36" s="116" t="s">
        <v>75</v>
      </c>
    </row>
    <row r="37" spans="1:19" ht="20.25" customHeight="1">
      <c r="A37" s="114"/>
      <c r="B37" s="116" t="s">
        <v>76</v>
      </c>
      <c r="C37"/>
      <c r="D37"/>
      <c r="E37"/>
      <c r="F37"/>
      <c r="G37"/>
      <c r="S37" s="120"/>
    </row>
    <row r="38" spans="1:19" ht="20.25" customHeight="1">
      <c r="A38" s="114"/>
      <c r="B38" s="116" t="s">
        <v>77</v>
      </c>
      <c r="C38"/>
      <c r="D38"/>
      <c r="E38"/>
      <c r="F38"/>
      <c r="G38"/>
      <c r="S38" s="120"/>
    </row>
    <row r="39" spans="1:19" ht="20.25" customHeight="1">
      <c r="A39" s="114"/>
      <c r="B39" s="116" t="s">
        <v>78</v>
      </c>
      <c r="C39"/>
      <c r="D39"/>
      <c r="E39"/>
      <c r="F39"/>
      <c r="G39"/>
    </row>
    <row r="40" spans="1:19" ht="20.25" customHeight="1">
      <c r="A40" s="114"/>
      <c r="B40" s="116" t="s">
        <v>79</v>
      </c>
      <c r="C40"/>
      <c r="D40"/>
      <c r="E40"/>
      <c r="F40"/>
      <c r="G40"/>
    </row>
    <row r="41" spans="1:19" s="125" customFormat="1" ht="20.25" customHeight="1">
      <c r="B41" s="116" t="s">
        <v>80</v>
      </c>
    </row>
    <row r="42" spans="1:19" s="125" customFormat="1" ht="20.25" customHeight="1">
      <c r="B42" s="116" t="s">
        <v>81</v>
      </c>
    </row>
    <row r="43" spans="1:19" s="125" customFormat="1" ht="20.25" customHeight="1">
      <c r="B43" s="116"/>
    </row>
    <row r="44" spans="1:19" s="125" customFormat="1" ht="20.25" customHeight="1">
      <c r="B44" s="116" t="s">
        <v>82</v>
      </c>
    </row>
    <row r="45" spans="1:19" s="125" customFormat="1" ht="20.25" customHeight="1">
      <c r="B45" s="116" t="s">
        <v>83</v>
      </c>
    </row>
    <row r="46" spans="1:19" s="125" customFormat="1" ht="20.25" customHeight="1">
      <c r="B46" s="116" t="s">
        <v>84</v>
      </c>
    </row>
    <row r="47" spans="1:19" s="125" customFormat="1" ht="20.25" customHeight="1">
      <c r="B47" s="116" t="s">
        <v>85</v>
      </c>
    </row>
    <row r="48" spans="1:19" s="125" customFormat="1" ht="20.25" customHeight="1">
      <c r="B48" s="116" t="s">
        <v>86</v>
      </c>
    </row>
    <row r="49" spans="1:19" s="125" customFormat="1" ht="20.25" customHeight="1">
      <c r="B49" s="116" t="s">
        <v>87</v>
      </c>
    </row>
    <row r="50" spans="1:19" s="125" customFormat="1" ht="20.25" customHeight="1"/>
    <row r="51" spans="1:19" s="125" customFormat="1" ht="20.25" customHeight="1">
      <c r="B51" s="116" t="s">
        <v>88</v>
      </c>
    </row>
    <row r="52" spans="1:19" s="125" customFormat="1" ht="20.25" customHeight="1">
      <c r="B52" s="116" t="s">
        <v>89</v>
      </c>
    </row>
    <row r="53" spans="1:19" s="125" customFormat="1" ht="20.25" customHeight="1">
      <c r="B53" s="116" t="s">
        <v>90</v>
      </c>
    </row>
    <row r="54" spans="1:19" s="125" customFormat="1" ht="42" customHeight="1">
      <c r="B54" s="126" t="s">
        <v>91</v>
      </c>
      <c r="C54" s="126"/>
      <c r="D54" s="126"/>
      <c r="E54" s="126"/>
      <c r="F54" s="126"/>
      <c r="G54" s="126"/>
      <c r="H54" s="126"/>
      <c r="I54" s="126"/>
      <c r="J54" s="126"/>
      <c r="K54" s="126"/>
      <c r="L54" s="126"/>
      <c r="M54" s="126"/>
      <c r="N54" s="126"/>
      <c r="O54" s="126"/>
      <c r="P54" s="126"/>
      <c r="Q54" s="126"/>
      <c r="S54" s="127"/>
    </row>
    <row r="55" spans="1:19" s="125" customFormat="1" ht="20.25" customHeight="1">
      <c r="B55" s="118" t="s">
        <v>92</v>
      </c>
      <c r="C55" s="118"/>
      <c r="D55" s="118"/>
      <c r="E55" s="118"/>
      <c r="F55" s="118"/>
      <c r="G55" s="118"/>
      <c r="S55" s="127"/>
    </row>
    <row r="56" spans="1:19" s="125" customFormat="1" ht="20.25" customHeight="1">
      <c r="B56" s="116" t="s">
        <v>93</v>
      </c>
      <c r="C56" s="122"/>
      <c r="D56" s="122"/>
      <c r="E56" s="122"/>
      <c r="S56" s="127"/>
    </row>
    <row r="57" spans="1:19" s="125" customFormat="1" ht="20.25" customHeight="1">
      <c r="B57" s="116" t="s">
        <v>94</v>
      </c>
      <c r="C57" s="122"/>
      <c r="D57" s="122"/>
      <c r="E57" s="122"/>
      <c r="S57" s="127"/>
    </row>
    <row r="58" spans="1:19" s="125" customFormat="1" ht="35.25" customHeight="1">
      <c r="B58" s="126" t="s">
        <v>95</v>
      </c>
      <c r="C58" s="126"/>
      <c r="D58" s="126"/>
      <c r="E58" s="126"/>
      <c r="F58" s="126"/>
      <c r="G58" s="126"/>
      <c r="H58" s="126"/>
      <c r="I58" s="126"/>
      <c r="J58" s="126"/>
      <c r="K58" s="126"/>
      <c r="L58" s="126"/>
      <c r="M58" s="126"/>
      <c r="N58" s="126"/>
      <c r="O58" s="126"/>
      <c r="P58" s="126"/>
      <c r="Q58" s="126"/>
      <c r="S58" s="127"/>
    </row>
    <row r="59" spans="1:19" s="125" customFormat="1" ht="20.25" customHeight="1">
      <c r="B59" s="119" t="s">
        <v>96</v>
      </c>
      <c r="C59" s="119"/>
      <c r="D59" s="119"/>
      <c r="E59" s="119"/>
      <c r="F59" s="119"/>
      <c r="G59" s="119"/>
      <c r="H59" s="119"/>
      <c r="I59" s="119"/>
      <c r="J59" s="119"/>
      <c r="K59" s="119"/>
      <c r="L59" s="119"/>
      <c r="M59" s="119"/>
      <c r="S59" s="127"/>
    </row>
    <row r="60" spans="1:19" s="125" customFormat="1" ht="20.25" customHeight="1">
      <c r="B60" s="118" t="s">
        <v>97</v>
      </c>
      <c r="C60" s="118"/>
      <c r="D60" s="118"/>
      <c r="E60" s="118"/>
      <c r="F60" s="118"/>
      <c r="G60" s="118"/>
      <c r="S60" s="127"/>
    </row>
    <row r="61" spans="1:19" ht="20.25" customHeight="1">
      <c r="A61" s="115"/>
      <c r="B61" s="116" t="s">
        <v>98</v>
      </c>
      <c r="C61" s="117"/>
      <c r="D61" s="117"/>
      <c r="E61" s="117"/>
      <c r="F61" s="117"/>
      <c r="G61" s="117"/>
      <c r="H61" s="117"/>
      <c r="I61" s="117"/>
      <c r="J61" s="117"/>
      <c r="K61" s="117"/>
    </row>
    <row r="62" spans="1:19" s="125" customFormat="1" ht="20.25" customHeight="1">
      <c r="B62" s="118" t="s">
        <v>99</v>
      </c>
      <c r="C62" s="118"/>
      <c r="D62" s="118"/>
      <c r="E62" s="118"/>
      <c r="F62" s="118"/>
      <c r="G62" s="118"/>
      <c r="S62" s="127"/>
    </row>
    <row r="63" spans="1:19" s="125" customFormat="1" ht="20.25" customHeight="1">
      <c r="B63" s="118" t="s">
        <v>100</v>
      </c>
      <c r="C63" s="118"/>
      <c r="D63" s="118"/>
      <c r="E63" s="118"/>
      <c r="F63" s="118"/>
      <c r="G63" s="118"/>
      <c r="S63" s="127"/>
    </row>
    <row r="64" spans="1:19" s="125" customFormat="1" ht="20.25" customHeight="1">
      <c r="B64" s="118" t="s">
        <v>101</v>
      </c>
      <c r="C64" s="118"/>
      <c r="D64" s="118"/>
      <c r="E64" s="118"/>
      <c r="F64" s="118"/>
      <c r="G64" s="118"/>
      <c r="S64" s="127"/>
    </row>
    <row r="65" spans="1:19" s="125" customFormat="1" ht="20.25" customHeight="1">
      <c r="B65" s="118" t="s">
        <v>102</v>
      </c>
      <c r="C65" s="118"/>
      <c r="D65" s="118"/>
      <c r="E65" s="118"/>
      <c r="F65" s="118"/>
      <c r="G65" s="118"/>
      <c r="S65" s="127"/>
    </row>
    <row r="66" spans="1:19" s="125" customFormat="1" ht="20.25" customHeight="1">
      <c r="B66" s="118" t="s">
        <v>103</v>
      </c>
      <c r="C66" s="118"/>
      <c r="D66" s="118"/>
      <c r="E66" s="118"/>
      <c r="F66" s="118"/>
      <c r="G66" s="118"/>
      <c r="H66" s="118"/>
      <c r="I66" s="118"/>
      <c r="J66" s="118"/>
      <c r="K66" s="118"/>
      <c r="L66" s="118"/>
      <c r="M66" s="118"/>
      <c r="N66" s="118"/>
      <c r="O66" s="118"/>
      <c r="P66" s="118"/>
      <c r="Q66" s="118"/>
      <c r="S66" s="127"/>
    </row>
    <row r="67" spans="1:19" s="125" customFormat="1" ht="20.25" customHeight="1">
      <c r="B67" s="118" t="s">
        <v>104</v>
      </c>
      <c r="C67" s="118"/>
      <c r="D67" s="118"/>
      <c r="E67" s="118"/>
      <c r="F67" s="118"/>
      <c r="G67" s="118"/>
      <c r="H67" s="118"/>
      <c r="I67" s="118"/>
      <c r="J67" s="118"/>
      <c r="K67" s="118"/>
      <c r="L67" s="118"/>
      <c r="M67" s="118"/>
      <c r="N67" s="118"/>
      <c r="O67" s="118"/>
      <c r="P67" s="118"/>
      <c r="Q67" s="118"/>
      <c r="S67" s="127"/>
    </row>
    <row r="68" spans="1:19" s="125" customFormat="1" ht="20.25" customHeight="1">
      <c r="B68" s="118" t="s">
        <v>105</v>
      </c>
      <c r="C68" s="118"/>
      <c r="D68" s="118"/>
      <c r="E68" s="118"/>
      <c r="F68" s="118"/>
      <c r="G68" s="118"/>
      <c r="H68" s="118"/>
      <c r="I68" s="118"/>
      <c r="J68" s="118"/>
      <c r="K68" s="118"/>
      <c r="L68" s="118"/>
      <c r="M68" s="118"/>
      <c r="N68" s="118"/>
      <c r="O68" s="118"/>
      <c r="P68" s="118"/>
      <c r="Q68" s="118"/>
      <c r="S68" s="127"/>
    </row>
    <row r="69" spans="1:19" s="125" customFormat="1" ht="20.25" customHeight="1">
      <c r="B69" s="116" t="s">
        <v>106</v>
      </c>
    </row>
    <row r="70" spans="1:19" s="120" customFormat="1" ht="20.25" customHeight="1">
      <c r="A70" s="124"/>
      <c r="B70" s="116" t="s">
        <v>107</v>
      </c>
      <c r="C70" s="125"/>
      <c r="D70" s="125"/>
      <c r="E70" s="125"/>
    </row>
    <row r="71" spans="1:19" s="120" customFormat="1" ht="20.25" customHeight="1">
      <c r="A71" s="124"/>
      <c r="B71" s="116" t="s">
        <v>108</v>
      </c>
      <c r="C71" s="125"/>
      <c r="D71" s="125"/>
      <c r="E71" s="125"/>
    </row>
    <row r="72" spans="1:19" ht="20.25" customHeight="1">
      <c r="A72" s="115"/>
      <c r="B72" s="116" t="s">
        <v>109</v>
      </c>
      <c r="C72" s="120"/>
      <c r="D72" s="120"/>
      <c r="E72" s="120"/>
      <c r="F72" s="117"/>
      <c r="G72" s="117"/>
      <c r="H72" s="117"/>
      <c r="I72" s="117"/>
      <c r="J72" s="117"/>
      <c r="K72" s="117"/>
    </row>
    <row r="73" spans="1:19" ht="20.25" customHeight="1">
      <c r="A73" s="115"/>
      <c r="B73" s="116"/>
      <c r="C73" s="120"/>
      <c r="D73" s="120"/>
      <c r="E73" s="120"/>
      <c r="F73" s="117"/>
      <c r="G73" s="117"/>
      <c r="H73" s="117"/>
      <c r="I73" s="117"/>
      <c r="J73" s="117"/>
      <c r="K73" s="117"/>
    </row>
    <row r="74" spans="1:19" ht="20.25" customHeight="1">
      <c r="B74" s="113" t="s">
        <v>110</v>
      </c>
      <c r="C74" s="120"/>
      <c r="D74" s="120"/>
      <c r="E74" s="120"/>
    </row>
    <row r="75" spans="1:19" ht="20.25" customHeight="1">
      <c r="C75" s="117"/>
      <c r="D75" s="117"/>
      <c r="E75" s="117"/>
    </row>
    <row r="76" spans="1:19" ht="20.25" customHeight="1">
      <c r="B76" s="116" t="s">
        <v>40</v>
      </c>
    </row>
  </sheetData>
  <mergeCells count="16">
    <mergeCell ref="B65:G65"/>
    <mergeCell ref="B66:Q66"/>
    <mergeCell ref="B67:Q67"/>
    <mergeCell ref="B68:Q68"/>
    <mergeCell ref="B58:Q58"/>
    <mergeCell ref="B59:M59"/>
    <mergeCell ref="B60:G60"/>
    <mergeCell ref="B62:G62"/>
    <mergeCell ref="B63:G63"/>
    <mergeCell ref="B64:G64"/>
    <mergeCell ref="B14:K14"/>
    <mergeCell ref="B15:G15"/>
    <mergeCell ref="B32:G32"/>
    <mergeCell ref="B34:K34"/>
    <mergeCell ref="B54:Q54"/>
    <mergeCell ref="B55:G55"/>
  </mergeCells>
  <phoneticPr fontId="2"/>
  <printOptions horizontalCentered="1"/>
  <pageMargins left="0.23622047244094491" right="0.23622047244094491" top="0.74803149606299213" bottom="0.74803149606299213" header="0.31496062992125984" footer="0.31496062992125984"/>
  <pageSetup paperSize="9" scale="40"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別紙１－１</vt:lpstr>
      <vt:lpstr>備考（1）</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5586 西川雅子</dc:creator>
  <cp:lastModifiedBy>s005586 西川雅子</cp:lastModifiedBy>
  <dcterms:created xsi:type="dcterms:W3CDTF">2026-03-30T05:29:23Z</dcterms:created>
  <dcterms:modified xsi:type="dcterms:W3CDTF">2026-03-30T05:29:44Z</dcterms:modified>
</cp:coreProperties>
</file>